
<file path=[Content_Types].xml><?xml version="1.0" encoding="utf-8"?>
<Types xmlns="http://schemas.openxmlformats.org/package/2006/content-types">
  <Default Extension="1d1" ContentType="image/x-emf"/>
  <Default Extension="3kc" ContentType="image/x-emf"/>
  <Default Extension="bwh" ContentType="image/x-emf"/>
  <Default Extension="emf" ContentType="image/x-emf"/>
  <Default Extension="jpeg" ContentType="image/jpeg"/>
  <Default Extension="jpg" ContentType="image/jpeg"/>
  <Default Extension="lzl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22"/>
  </p:sldMasterIdLst>
  <p:notesMasterIdLst>
    <p:notesMasterId r:id="rId127"/>
  </p:notesMasterIdLst>
  <p:handoutMasterIdLst>
    <p:handoutMasterId r:id="rId128"/>
  </p:handoutMasterIdLst>
  <p:sldIdLst>
    <p:sldId id="1242" r:id="rId123"/>
    <p:sldId id="1243" r:id="rId124"/>
    <p:sldId id="1244" r:id="rId125"/>
    <p:sldId id="1245" r:id="rId12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Forfatte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6E6E6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6883" autoAdjust="0"/>
    <p:restoredTop sz="95634" autoAdjust="0"/>
  </p:normalViewPr>
  <p:slideViewPr>
    <p:cSldViewPr snapToGrid="0" showGuides="1">
      <p:cViewPr varScale="1">
        <p:scale>
          <a:sx n="134" d="100"/>
          <a:sy n="134" d="100"/>
        </p:scale>
        <p:origin x="208" y="400"/>
      </p:cViewPr>
      <p:guideLst/>
    </p:cSldViewPr>
  </p:slideViewPr>
  <p:notesTextViewPr>
    <p:cViewPr>
      <p:scale>
        <a:sx n="90" d="100"/>
        <a:sy n="90" d="100"/>
      </p:scale>
      <p:origin x="0" y="0"/>
    </p:cViewPr>
  </p:notesTextViewPr>
  <p:sorterViewPr>
    <p:cViewPr>
      <p:scale>
        <a:sx n="100" d="100"/>
        <a:sy n="100" d="100"/>
      </p:scale>
      <p:origin x="0" y="-4800"/>
    </p:cViewPr>
  </p:sorterViewPr>
  <p:notesViewPr>
    <p:cSldViewPr snapToGrid="0">
      <p:cViewPr varScale="1">
        <p:scale>
          <a:sx n="93" d="100"/>
          <a:sy n="93" d="100"/>
        </p:scale>
        <p:origin x="2022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6" Type="http://schemas.openxmlformats.org/officeDocument/2006/relationships/customXml" Target="../customXml/item16.xml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customXml" Target="../customXml/item74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slide" Target="slides/slide1.xml"/><Relationship Id="rId128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90" Type="http://schemas.openxmlformats.org/officeDocument/2006/relationships/customXml" Target="../customXml/item90.xml"/><Relationship Id="rId95" Type="http://schemas.openxmlformats.org/officeDocument/2006/relationships/customXml" Target="../customXml/item95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18" Type="http://schemas.openxmlformats.org/officeDocument/2006/relationships/customXml" Target="../customXml/item118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08" Type="http://schemas.openxmlformats.org/officeDocument/2006/relationships/customXml" Target="../customXml/item108.xml"/><Relationship Id="rId124" Type="http://schemas.openxmlformats.org/officeDocument/2006/relationships/slide" Target="slides/slide2.xml"/><Relationship Id="rId129" Type="http://schemas.openxmlformats.org/officeDocument/2006/relationships/presProps" Target="presProps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119" Type="http://schemas.openxmlformats.org/officeDocument/2006/relationships/customXml" Target="../customXml/item119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viewProps" Target="viewProps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customXml" Target="../customXml/item104.xml"/><Relationship Id="rId120" Type="http://schemas.openxmlformats.org/officeDocument/2006/relationships/customXml" Target="../customXml/item120.xml"/><Relationship Id="rId125" Type="http://schemas.openxmlformats.org/officeDocument/2006/relationships/slide" Target="slides/slide3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15" Type="http://schemas.openxmlformats.org/officeDocument/2006/relationships/customXml" Target="../customXml/item115.xml"/><Relationship Id="rId131" Type="http://schemas.openxmlformats.org/officeDocument/2006/relationships/theme" Target="theme/theme1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slide" Target="slides/slide4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customXml" Target="../customXml/item116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tableStyles" Target="tableStyles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slideMaster" Target="slideMasters/slide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microsoft.com/office/2018/10/relationships/authors" Target="author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0/11/2021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0/11/2021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bwh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bwh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jp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3kc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pn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7.png"/><Relationship Id="rId11" Type="http://schemas.openxmlformats.org/officeDocument/2006/relationships/image" Target="../media/image22.png"/><Relationship Id="rId5" Type="http://schemas.openxmlformats.org/officeDocument/2006/relationships/image" Target="../media/image16.pn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lzl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.1d1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 hvid">
            <a:extLst>
              <a:ext uri="{FF2B5EF4-FFF2-40B4-BE49-F238E27FC236}">
                <a16:creationId xmlns:a16="http://schemas.microsoft.com/office/drawing/2014/main" id="{37212746-3712-4ED5-AFC9-1FE118FA90EE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0" name="PresentationTitle" descr="{&quot;templafy&quot;:{&quot;id&quot;:&quot;593b3adc-38a2-484f-88f0-4e899ad9e92f&quot;}}" title="PresentationTitle">
            <a:extLst>
              <a:ext uri="{FF2B5EF4-FFF2-40B4-BE49-F238E27FC236}">
                <a16:creationId xmlns:a16="http://schemas.microsoft.com/office/drawing/2014/main" id="{E8165E05-C259-44B9-BE02-B89F50AF1D9A}"/>
              </a:ext>
            </a:extLst>
          </p:cNvPr>
          <p:cNvSpPr/>
          <p:nvPr userDrawn="1"/>
        </p:nvSpPr>
        <p:spPr bwMode="auto">
          <a:xfrm>
            <a:off x="900000" y="933840"/>
            <a:ext cx="10584000" cy="23580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triangle" w="lg" len="med"/>
          </a:ln>
          <a:effectLst/>
        </p:spPr>
        <p:txBody>
          <a:bodyPr vert="horz" wrap="square" lIns="0" tIns="0" rIns="0" bIns="0" numCol="1" rtlCol="0" anchor="b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89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6000" b="1" kern="1200" noProof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Præsentation af ATP Koncernen</a:t>
            </a:r>
            <a:endParaRPr lang="en-US" sz="6000" b="1" kern="1200" noProof="0" dirty="0">
              <a:solidFill>
                <a:schemeClr val="tx1"/>
              </a:solidFill>
              <a:latin typeface="+mj-lt"/>
              <a:ea typeface="+mj-ea"/>
              <a:cs typeface="+mj-cs"/>
            </a:endParaRP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EC52C250-7F71-4357-A461-CD9F7FFA4FB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900000" y="3545817"/>
            <a:ext cx="10584000" cy="1655762"/>
          </a:xfrm>
        </p:spPr>
        <p:txBody>
          <a:bodyPr/>
          <a:lstStyle>
            <a:lvl1pPr marL="0" indent="0" algn="l">
              <a:lnSpc>
                <a:spcPct val="89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6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Klik for at redigere undertiteltypografien i masteren</a:t>
            </a:r>
          </a:p>
        </p:txBody>
      </p:sp>
      <p:sp>
        <p:nvSpPr>
          <p:cNvPr id="16" name="Footer Placeholder 4" hidden="1">
            <a:extLst>
              <a:ext uri="{FF2B5EF4-FFF2-40B4-BE49-F238E27FC236}">
                <a16:creationId xmlns:a16="http://schemas.microsoft.com/office/drawing/2014/main" id="{875577D5-0A95-4192-B1DA-644C9F98AA2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17" name="Slide Number Placeholder 5" hidden="1">
            <a:extLst>
              <a:ext uri="{FF2B5EF4-FFF2-40B4-BE49-F238E27FC236}">
                <a16:creationId xmlns:a16="http://schemas.microsoft.com/office/drawing/2014/main" id="{33C01527-5374-4AB4-BBAC-E115825ED77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Grøn side bjælke">
            <a:extLst>
              <a:ext uri="{FF2B5EF4-FFF2-40B4-BE49-F238E27FC236}">
                <a16:creationId xmlns:a16="http://schemas.microsoft.com/office/drawing/2014/main" id="{ED0599EB-4CE8-4F1F-A932-F2C2137FEFFD}"/>
              </a:ext>
            </a:extLst>
          </p:cNvPr>
          <p:cNvSpPr/>
          <p:nvPr userDrawn="1"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5" name="Billede 4" descr="{&quot;templafy&quot;:{&quot;id&quot;:&quot;5d563b45-bdb3-471b-ab95-8dfb7a006eea&quot;}}">
            <a:extLst>
              <a:ext uri="{FF2B5EF4-FFF2-40B4-BE49-F238E27FC236}">
                <a16:creationId xmlns:a16="http://schemas.microsoft.com/office/drawing/2014/main" id="{740413AB-65A8-4E45-911C-569E5E066F2F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757324" y="5617901"/>
            <a:ext cx="5760720" cy="867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242514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- lys bl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 hvid">
            <a:extLst>
              <a:ext uri="{FF2B5EF4-FFF2-40B4-BE49-F238E27FC236}">
                <a16:creationId xmlns:a16="http://schemas.microsoft.com/office/drawing/2014/main" id="{3A6D9C3E-4C23-40E3-852F-011C132DC45A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3" name="Background">
            <a:extLst>
              <a:ext uri="{FF2B5EF4-FFF2-40B4-BE49-F238E27FC236}">
                <a16:creationId xmlns:a16="http://schemas.microsoft.com/office/drawing/2014/main" id="{491EC833-F88B-4372-B0C4-7B8600C3AA81}"/>
              </a:ext>
            </a:extLst>
          </p:cNvPr>
          <p:cNvSpPr/>
          <p:nvPr userDrawn="1"/>
        </p:nvSpPr>
        <p:spPr>
          <a:xfrm>
            <a:off x="180000" y="180000"/>
            <a:ext cx="11829456" cy="649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DE6540B5-4DFB-40E6-BEFC-92E9B5E6DE1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611188"/>
            <a:ext cx="4106524" cy="2094305"/>
          </a:xfrm>
        </p:spPr>
        <p:txBody>
          <a:bodyPr/>
          <a:lstStyle>
            <a:lvl1pPr>
              <a:lnSpc>
                <a:spcPct val="80000"/>
              </a:lnSpc>
              <a:spcAft>
                <a:spcPts val="2800"/>
              </a:spcAft>
              <a:buNone/>
              <a:defRPr sz="14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da-DK" dirty="0"/>
              <a:t>#tal</a:t>
            </a:r>
          </a:p>
        </p:txBody>
      </p:sp>
      <p:sp>
        <p:nvSpPr>
          <p:cNvPr id="17" name="Pladsholder til tekst 15">
            <a:extLst>
              <a:ext uri="{FF2B5EF4-FFF2-40B4-BE49-F238E27FC236}">
                <a16:creationId xmlns:a16="http://schemas.microsoft.com/office/drawing/2014/main" id="{4454732E-C1CA-41E2-93D2-182B9AC15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1" y="3509328"/>
            <a:ext cx="6320880" cy="2627948"/>
          </a:xfrm>
        </p:spPr>
        <p:txBody>
          <a:bodyPr/>
          <a:lstStyle>
            <a:lvl1pPr>
              <a:lnSpc>
                <a:spcPct val="90000"/>
              </a:lnSpc>
              <a:spcAft>
                <a:spcPts val="0"/>
              </a:spcAft>
              <a:buNone/>
              <a:defRPr sz="48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dirty="0"/>
              <a:t>Klik og indsæt tekst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54C38CE9-2E00-46A3-B5A9-AB2CC75EA19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5D982D34-A9D3-4542-B0E9-B24590ADC19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82129E6B-3CF6-4BA1-B77B-94F58051874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7BC809C4-6E36-40D0-8721-B8F6D14648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543318" y="4999058"/>
            <a:ext cx="2546893" cy="18589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174627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Overskrift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noProof="0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3pPr>
              <a:defRPr sz="1800"/>
            </a:lvl3pPr>
            <a:lvl4pPr>
              <a:defRPr sz="1800"/>
            </a:lvl4pPr>
          </a:lstStyle>
          <a:p>
            <a:pPr lvl="0"/>
            <a:r>
              <a:rPr lang="da-DK" noProof="0" dirty="0"/>
              <a:t>Rediger teksttypografien i masteren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FDE86592-7F2E-4834-B48A-761F42A7B7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Pladsholder til dato 6" hidden="1">
            <a:extLst>
              <a:ext uri="{FF2B5EF4-FFF2-40B4-BE49-F238E27FC236}">
                <a16:creationId xmlns:a16="http://schemas.microsoft.com/office/drawing/2014/main" id="{684E4938-067F-4EDA-BF7F-D23185A6D2A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8" name="Pladsholder til sidefod 7" hidden="1">
            <a:extLst>
              <a:ext uri="{FF2B5EF4-FFF2-40B4-BE49-F238E27FC236}">
                <a16:creationId xmlns:a16="http://schemas.microsoft.com/office/drawing/2014/main" id="{BECB3D9E-D6BC-4BE7-807C-22EA60263CD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452933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0000" y="612000"/>
            <a:ext cx="10752000" cy="788175"/>
          </a:xfrm>
        </p:spPr>
        <p:txBody>
          <a:bodyPr/>
          <a:lstStyle/>
          <a:p>
            <a:r>
              <a:rPr lang="da-DK" noProof="0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20000" y="1590674"/>
            <a:ext cx="5104800" cy="4547325"/>
          </a:xfrm>
        </p:spPr>
        <p:txBody>
          <a:bodyPr/>
          <a:lstStyle/>
          <a:p>
            <a:pPr lvl="0"/>
            <a:r>
              <a:rPr lang="da-DK" noProof="0" dirty="0"/>
              <a:t>Rediger teksttypografien i masteren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FDE86592-7F2E-4834-B48A-761F42A7B7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Pladsholder til dato 6" hidden="1">
            <a:extLst>
              <a:ext uri="{FF2B5EF4-FFF2-40B4-BE49-F238E27FC236}">
                <a16:creationId xmlns:a16="http://schemas.microsoft.com/office/drawing/2014/main" id="{684E4938-067F-4EDA-BF7F-D23185A6D2A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8" name="Pladsholder til sidefod 7" hidden="1">
            <a:extLst>
              <a:ext uri="{FF2B5EF4-FFF2-40B4-BE49-F238E27FC236}">
                <a16:creationId xmlns:a16="http://schemas.microsoft.com/office/drawing/2014/main" id="{BECB3D9E-D6BC-4BE7-807C-22EA60263CD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026EC165-B151-4B8A-BB45-23EE83F193BF}"/>
              </a:ext>
            </a:extLst>
          </p:cNvPr>
          <p:cNvSpPr>
            <a:spLocks noGrp="1"/>
          </p:cNvSpPr>
          <p:nvPr>
            <p:ph idx="13"/>
          </p:nvPr>
        </p:nvSpPr>
        <p:spPr>
          <a:xfrm>
            <a:off x="6367200" y="1590674"/>
            <a:ext cx="5104800" cy="4547325"/>
          </a:xfrm>
        </p:spPr>
        <p:txBody>
          <a:bodyPr/>
          <a:lstStyle/>
          <a:p>
            <a:pPr lvl="0"/>
            <a:r>
              <a:rPr lang="da-DK" noProof="0" dirty="0"/>
              <a:t>Rediger teksttypografien i masteren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</p:spTree>
    <p:extLst>
      <p:ext uri="{BB962C8B-B14F-4D97-AF65-F5344CB8AC3E}">
        <p14:creationId xmlns:p14="http://schemas.microsoft.com/office/powerpoint/2010/main" val="13209883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0000" y="612000"/>
            <a:ext cx="10752000" cy="788175"/>
          </a:xfrm>
        </p:spPr>
        <p:txBody>
          <a:bodyPr/>
          <a:lstStyle/>
          <a:p>
            <a:r>
              <a:rPr lang="da-DK" noProof="0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20000" y="1590674"/>
            <a:ext cx="3222000" cy="4547325"/>
          </a:xfrm>
        </p:spPr>
        <p:txBody>
          <a:bodyPr/>
          <a:lstStyle/>
          <a:p>
            <a:pPr lvl="0"/>
            <a:r>
              <a:rPr lang="da-DK" noProof="0" dirty="0"/>
              <a:t>Rediger teksttypografien i masteren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FDE86592-7F2E-4834-B48A-761F42A7B7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Pladsholder til dato 6" hidden="1">
            <a:extLst>
              <a:ext uri="{FF2B5EF4-FFF2-40B4-BE49-F238E27FC236}">
                <a16:creationId xmlns:a16="http://schemas.microsoft.com/office/drawing/2014/main" id="{684E4938-067F-4EDA-BF7F-D23185A6D2A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8" name="Pladsholder til sidefod 7" hidden="1">
            <a:extLst>
              <a:ext uri="{FF2B5EF4-FFF2-40B4-BE49-F238E27FC236}">
                <a16:creationId xmlns:a16="http://schemas.microsoft.com/office/drawing/2014/main" id="{BECB3D9E-D6BC-4BE7-807C-22EA60263CD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026EC165-B151-4B8A-BB45-23EE83F193BF}"/>
              </a:ext>
            </a:extLst>
          </p:cNvPr>
          <p:cNvSpPr>
            <a:spLocks noGrp="1"/>
          </p:cNvSpPr>
          <p:nvPr>
            <p:ph idx="13"/>
          </p:nvPr>
        </p:nvSpPr>
        <p:spPr>
          <a:xfrm>
            <a:off x="4485000" y="1590674"/>
            <a:ext cx="3222000" cy="4547325"/>
          </a:xfrm>
        </p:spPr>
        <p:txBody>
          <a:bodyPr/>
          <a:lstStyle/>
          <a:p>
            <a:pPr lvl="0"/>
            <a:r>
              <a:rPr lang="da-DK" noProof="0" dirty="0"/>
              <a:t>Rediger teksttypografien i masteren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51DFF70-D2C0-4850-8A89-B8CC97C3D317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8250000" y="1590674"/>
            <a:ext cx="3222000" cy="4547325"/>
          </a:xfrm>
        </p:spPr>
        <p:txBody>
          <a:bodyPr/>
          <a:lstStyle/>
          <a:p>
            <a:pPr lvl="0"/>
            <a:r>
              <a:rPr lang="da-DK" noProof="0" dirty="0"/>
              <a:t>Rediger teksttypografien i masteren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</p:spTree>
    <p:extLst>
      <p:ext uri="{BB962C8B-B14F-4D97-AF65-F5344CB8AC3E}">
        <p14:creationId xmlns:p14="http://schemas.microsoft.com/office/powerpoint/2010/main" val="216092930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 hvid">
            <a:extLst>
              <a:ext uri="{FF2B5EF4-FFF2-40B4-BE49-F238E27FC236}">
                <a16:creationId xmlns:a16="http://schemas.microsoft.com/office/drawing/2014/main" id="{CF7BF8C9-03C7-47B7-9BE5-BD2AB8731278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196A9582-5D1E-468C-9742-01B6B3E21B4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612000"/>
            <a:ext cx="5104800" cy="788175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741807A-8087-41F5-973E-71F8C0FF522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14A5AA5E-5066-4019-8AE1-45083D840B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20000" y="1591200"/>
            <a:ext cx="5104800" cy="45432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DK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9775874F-480B-4B03-B4E9-6FD8C1027555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364800" y="180000"/>
            <a:ext cx="5648400" cy="64980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6525447-BF45-4A2E-8271-D4C1F38089E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E5576BC-5753-49B7-B809-49BBA9250C1E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0189127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 hvid">
            <a:extLst>
              <a:ext uri="{FF2B5EF4-FFF2-40B4-BE49-F238E27FC236}">
                <a16:creationId xmlns:a16="http://schemas.microsoft.com/office/drawing/2014/main" id="{3812CD31-502D-47CE-B80F-FE608DF91BF8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AAC47BC-CCAB-416A-BBDB-984A497A0DAD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itel 7">
            <a:extLst>
              <a:ext uri="{FF2B5EF4-FFF2-40B4-BE49-F238E27FC236}">
                <a16:creationId xmlns:a16="http://schemas.microsoft.com/office/drawing/2014/main" id="{737F8F54-2EC0-4C33-8510-39FF6CD0BFE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612000"/>
            <a:ext cx="5104800" cy="788175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BC3292E-7CAA-4590-917E-F597D90F64C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20000" y="1591200"/>
            <a:ext cx="5104800" cy="45432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DK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CB0B4BEE-0485-402E-BB00-51C5B48C42D6}"/>
              </a:ext>
            </a:extLst>
          </p:cNvPr>
          <p:cNvSpPr>
            <a:spLocks noGrp="1"/>
          </p:cNvSpPr>
          <p:nvPr>
            <p:ph type="pic" idx="1" hasCustomPrompt="1"/>
          </p:nvPr>
        </p:nvSpPr>
        <p:spPr>
          <a:xfrm>
            <a:off x="6365999" y="180000"/>
            <a:ext cx="5646703" cy="6498000"/>
          </a:xfrm>
          <a:solidFill>
            <a:schemeClr val="bg2"/>
          </a:solidFill>
        </p:spPr>
        <p:txBody>
          <a:bodyPr lIns="144000" tIns="108000" anchor="t" anchorCtr="0"/>
          <a:lstStyle>
            <a:lvl1pPr marL="0" indent="0" algn="l">
              <a:buNone/>
              <a:defRPr sz="16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da-DK" dirty="0"/>
              <a:t>Klik på denne pladsholder og indsæt billede via Templafy Images Librar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BE48993-C7F4-4058-A899-57480CF3406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A051F51-1C86-4327-B411-6342B686379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9156569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 hvid">
            <a:extLst>
              <a:ext uri="{FF2B5EF4-FFF2-40B4-BE49-F238E27FC236}">
                <a16:creationId xmlns:a16="http://schemas.microsoft.com/office/drawing/2014/main" id="{D254F5E2-97C4-45A3-AC47-D4451E45C84B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6" name="Titel 7">
            <a:extLst>
              <a:ext uri="{FF2B5EF4-FFF2-40B4-BE49-F238E27FC236}">
                <a16:creationId xmlns:a16="http://schemas.microsoft.com/office/drawing/2014/main" id="{13655BCA-5129-4B9F-8932-E0C9847C3B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65299" y="612000"/>
            <a:ext cx="5104800" cy="788175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F24D973-C38A-4843-A8D3-43E4613C2E3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714C747-9014-4878-A933-D5C31E7A4F50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364800" y="1591200"/>
            <a:ext cx="5104800" cy="45432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DK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0829D135-C1B0-49AF-BCDF-EE556827C70F}"/>
              </a:ext>
            </a:extLst>
          </p:cNvPr>
          <p:cNvSpPr>
            <a:spLocks noGrp="1"/>
          </p:cNvSpPr>
          <p:nvPr>
            <p:ph type="pic" idx="1" hasCustomPrompt="1"/>
          </p:nvPr>
        </p:nvSpPr>
        <p:spPr>
          <a:xfrm>
            <a:off x="180000" y="180000"/>
            <a:ext cx="5646703" cy="6498000"/>
          </a:xfrm>
          <a:solidFill>
            <a:schemeClr val="bg2"/>
          </a:solidFill>
        </p:spPr>
        <p:txBody>
          <a:bodyPr lIns="144000" tIns="108000" anchor="t" anchorCtr="0"/>
          <a:lstStyle>
            <a:lvl1pPr marL="0" indent="0" algn="l">
              <a:buNone/>
              <a:defRPr sz="16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da-DK" dirty="0"/>
              <a:t>Klik på denne pladsholder og indsæt billede via Templafy Images Librar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7CC894F-F9CC-4E7B-87F3-FF60D05BF15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1448763-81EE-40F9-A9F3-8290BDE550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76000"/>
            <a:ext cx="0" cy="0"/>
          </a:xfrm>
        </p:spPr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0764631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, lighedsteg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 hvid">
            <a:extLst>
              <a:ext uri="{FF2B5EF4-FFF2-40B4-BE49-F238E27FC236}">
                <a16:creationId xmlns:a16="http://schemas.microsoft.com/office/drawing/2014/main" id="{6E9177DA-3D94-4487-A038-4276C54EF781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6" name="Pladsholder til billede 15">
            <a:extLst>
              <a:ext uri="{FF2B5EF4-FFF2-40B4-BE49-F238E27FC236}">
                <a16:creationId xmlns:a16="http://schemas.microsoft.com/office/drawing/2014/main" id="{973553CD-2473-4974-B5D8-3C9740951F6F}"/>
              </a:ext>
            </a:extLst>
          </p:cNvPr>
          <p:cNvSpPr>
            <a:spLocks noGrp="1"/>
          </p:cNvSpPr>
          <p:nvPr>
            <p:ph type="pic" idx="1" hasCustomPrompt="1"/>
          </p:nvPr>
        </p:nvSpPr>
        <p:spPr>
          <a:xfrm>
            <a:off x="3520441" y="180000"/>
            <a:ext cx="8492262" cy="6498000"/>
          </a:xfrm>
          <a:custGeom>
            <a:avLst/>
            <a:gdLst>
              <a:gd name="connsiteX0" fmla="*/ 1981819 w 8492262"/>
              <a:gd name="connsiteY0" fmla="*/ 3844937 h 6498000"/>
              <a:gd name="connsiteX1" fmla="*/ 1981819 w 8492262"/>
              <a:gd name="connsiteY1" fmla="*/ 4720590 h 6498000"/>
              <a:gd name="connsiteX2" fmla="*/ 6500666 w 8492262"/>
              <a:gd name="connsiteY2" fmla="*/ 4720590 h 6498000"/>
              <a:gd name="connsiteX3" fmla="*/ 6500666 w 8492262"/>
              <a:gd name="connsiteY3" fmla="*/ 3844937 h 6498000"/>
              <a:gd name="connsiteX4" fmla="*/ 1981819 w 8492262"/>
              <a:gd name="connsiteY4" fmla="*/ 2047053 h 6498000"/>
              <a:gd name="connsiteX5" fmla="*/ 1981819 w 8492262"/>
              <a:gd name="connsiteY5" fmla="*/ 2922706 h 6498000"/>
              <a:gd name="connsiteX6" fmla="*/ 6500666 w 8492262"/>
              <a:gd name="connsiteY6" fmla="*/ 2922706 h 6498000"/>
              <a:gd name="connsiteX7" fmla="*/ 6500666 w 8492262"/>
              <a:gd name="connsiteY7" fmla="*/ 2047053 h 6498000"/>
              <a:gd name="connsiteX8" fmla="*/ 0 w 8492262"/>
              <a:gd name="connsiteY8" fmla="*/ 0 h 6498000"/>
              <a:gd name="connsiteX9" fmla="*/ 8492262 w 8492262"/>
              <a:gd name="connsiteY9" fmla="*/ 0 h 6498000"/>
              <a:gd name="connsiteX10" fmla="*/ 8492262 w 8492262"/>
              <a:gd name="connsiteY10" fmla="*/ 6498000 h 6498000"/>
              <a:gd name="connsiteX11" fmla="*/ 0 w 8492262"/>
              <a:gd name="connsiteY11" fmla="*/ 6498000 h 649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8492262" h="6498000">
                <a:moveTo>
                  <a:pt x="1981819" y="3844937"/>
                </a:moveTo>
                <a:lnTo>
                  <a:pt x="1981819" y="4720590"/>
                </a:lnTo>
                <a:lnTo>
                  <a:pt x="6500666" y="4720590"/>
                </a:lnTo>
                <a:lnTo>
                  <a:pt x="6500666" y="3844937"/>
                </a:lnTo>
                <a:close/>
                <a:moveTo>
                  <a:pt x="1981819" y="2047053"/>
                </a:moveTo>
                <a:lnTo>
                  <a:pt x="1981819" y="2922706"/>
                </a:lnTo>
                <a:lnTo>
                  <a:pt x="6500666" y="2922706"/>
                </a:lnTo>
                <a:lnTo>
                  <a:pt x="6500666" y="2047053"/>
                </a:lnTo>
                <a:close/>
                <a:moveTo>
                  <a:pt x="0" y="0"/>
                </a:moveTo>
                <a:lnTo>
                  <a:pt x="8492262" y="0"/>
                </a:lnTo>
                <a:lnTo>
                  <a:pt x="8492262" y="6498000"/>
                </a:lnTo>
                <a:lnTo>
                  <a:pt x="0" y="649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144000" tIns="108000" anchor="t" anchorCtr="0">
            <a:noAutofit/>
          </a:bodyPr>
          <a:lstStyle>
            <a:lvl1pPr marL="0" indent="0" algn="l">
              <a:buNone/>
              <a:defRPr sz="16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da-DK" dirty="0"/>
              <a:t>Klik på denne pladsholder og indsæt billede via Templafy Images Library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720000" y="1591200"/>
            <a:ext cx="2258381" cy="4543200"/>
          </a:xfrm>
        </p:spPr>
        <p:txBody>
          <a:bodyPr/>
          <a:lstStyle>
            <a:lvl1pPr marL="0" indent="0">
              <a:buNone/>
              <a:defRPr sz="20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 dirty="0"/>
              <a:t>Rediger teksttypografien i masteren</a:t>
            </a:r>
          </a:p>
        </p:txBody>
      </p:sp>
      <p:sp>
        <p:nvSpPr>
          <p:cNvPr id="8" name="Titel 7">
            <a:extLst>
              <a:ext uri="{FF2B5EF4-FFF2-40B4-BE49-F238E27FC236}">
                <a16:creationId xmlns:a16="http://schemas.microsoft.com/office/drawing/2014/main" id="{5362E39E-B526-4333-965B-AAB5CB8F90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612000"/>
            <a:ext cx="2258381" cy="788175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997A7617-686A-4253-AADB-8F8A2DEC03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2279E212-BCC6-4F58-B8FB-4A47412F526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FC0BC6B4-3D82-4176-8572-C7A0AB4D52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105907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faktabok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Background hvid">
            <a:extLst>
              <a:ext uri="{FF2B5EF4-FFF2-40B4-BE49-F238E27FC236}">
                <a16:creationId xmlns:a16="http://schemas.microsoft.com/office/drawing/2014/main" id="{459742D5-7CFA-4678-9D96-5F31786E9118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5D3FDACB-B6DA-4C64-AE33-6D86F631B11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C8307109-86D1-4B0D-BBF5-0B0902B95427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D30CA86E-B327-4F98-9FC0-F04FD0E478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6B278152-B42F-4411-BD8F-CF312050E6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612000"/>
            <a:ext cx="7398000" cy="788175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4FE69FD9-B06E-4AB2-8113-B8AD2E27625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590674"/>
            <a:ext cx="7398000" cy="4547325"/>
          </a:xfrm>
        </p:spPr>
        <p:txBody>
          <a:bodyPr/>
          <a:lstStyle/>
          <a:p>
            <a:pPr lvl="0"/>
            <a:r>
              <a:rPr lang="da-DK" noProof="0" dirty="0"/>
              <a:t>Rediger teksttypografien i masteren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DCB72162-95FA-4DF6-8FFD-C3EAC43FE15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646564" y="180000"/>
            <a:ext cx="3366000" cy="6498000"/>
          </a:xfrm>
          <a:solidFill>
            <a:schemeClr val="accent2"/>
          </a:solidFill>
        </p:spPr>
        <p:txBody>
          <a:bodyPr lIns="180000" tIns="432000" rIns="180000"/>
          <a:lstStyle>
            <a:lvl1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1pPr>
            <a:lvl2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2pPr>
            <a:lvl3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3pPr>
            <a:lvl4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4pPr>
            <a:lvl5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Rediger teksttypografien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</p:spTree>
    <p:extLst>
      <p:ext uri="{BB962C8B-B14F-4D97-AF65-F5344CB8AC3E}">
        <p14:creationId xmlns:p14="http://schemas.microsoft.com/office/powerpoint/2010/main" val="90818678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aktaboks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Background hvid">
            <a:extLst>
              <a:ext uri="{FF2B5EF4-FFF2-40B4-BE49-F238E27FC236}">
                <a16:creationId xmlns:a16="http://schemas.microsoft.com/office/drawing/2014/main" id="{459742D5-7CFA-4678-9D96-5F31786E9118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5D3FDACB-B6DA-4C64-AE33-6D86F631B11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C8307109-86D1-4B0D-BBF5-0B0902B95427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D30CA86E-B327-4F98-9FC0-F04FD0E478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6B278152-B42F-4411-BD8F-CF312050E6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73275" y="612000"/>
            <a:ext cx="7398000" cy="788175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4FE69FD9-B06E-4AB2-8113-B8AD2E27625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073275" y="1590674"/>
            <a:ext cx="7398000" cy="4547325"/>
          </a:xfrm>
        </p:spPr>
        <p:txBody>
          <a:bodyPr/>
          <a:lstStyle/>
          <a:p>
            <a:pPr lvl="0"/>
            <a:r>
              <a:rPr lang="da-DK" noProof="0" dirty="0"/>
              <a:t>Rediger teksttypografien i masteren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DCB72162-95FA-4DF6-8FFD-C3EAC43FE15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80000" y="180000"/>
            <a:ext cx="3366000" cy="6498000"/>
          </a:xfrm>
          <a:solidFill>
            <a:schemeClr val="accent1"/>
          </a:solidFill>
        </p:spPr>
        <p:txBody>
          <a:bodyPr lIns="180000" tIns="432000" rIns="180000"/>
          <a:lstStyle>
            <a:lvl1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1pPr>
            <a:lvl2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2pPr>
            <a:lvl3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3pPr>
            <a:lvl4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4pPr>
            <a:lvl5pPr algn="ctr">
              <a:lnSpc>
                <a:spcPct val="98000"/>
              </a:lnSpc>
              <a:spcAft>
                <a:spcPts val="0"/>
              </a:spcAft>
              <a:defRPr sz="22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Rediger teksttypografien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</p:spTree>
    <p:extLst>
      <p:ext uri="{BB962C8B-B14F-4D97-AF65-F5344CB8AC3E}">
        <p14:creationId xmlns:p14="http://schemas.microsoft.com/office/powerpoint/2010/main" val="302060112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367A65D2-7202-4CD6-8C25-4D576E9037A5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1" name="PresentationTitle" descr="{&quot;templafy&quot;:{&quot;id&quot;:&quot;0e8e7a4c-e11d-4b90-83e2-ab6373c7b505&quot;}}" title="PresentationTitle">
            <a:extLst>
              <a:ext uri="{FF2B5EF4-FFF2-40B4-BE49-F238E27FC236}">
                <a16:creationId xmlns:a16="http://schemas.microsoft.com/office/drawing/2014/main" id="{29F2B0E3-34AD-4E88-A16A-8CFF1CCCCBBF}"/>
              </a:ext>
            </a:extLst>
          </p:cNvPr>
          <p:cNvSpPr/>
          <p:nvPr userDrawn="1"/>
        </p:nvSpPr>
        <p:spPr bwMode="auto">
          <a:xfrm>
            <a:off x="900000" y="933840"/>
            <a:ext cx="10584000" cy="23580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triangle" w="lg" len="med"/>
          </a:ln>
          <a:effectLst/>
        </p:spPr>
        <p:txBody>
          <a:bodyPr vert="horz" wrap="square" lIns="0" tIns="0" rIns="0" bIns="0" numCol="1" rtlCol="0" anchor="b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89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6000" b="1" kern="1200" noProof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Præsentation af ATP Koncernen</a:t>
            </a:r>
            <a:endParaRPr lang="en-US" sz="6000" b="1" kern="1200" noProof="0" dirty="0">
              <a:solidFill>
                <a:schemeClr val="tx1"/>
              </a:solidFill>
              <a:latin typeface="+mj-lt"/>
              <a:ea typeface="+mj-ea"/>
              <a:cs typeface="+mj-cs"/>
            </a:endParaRP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EC52C250-7F71-4357-A461-CD9F7FFA4FB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900000" y="3545817"/>
            <a:ext cx="10584000" cy="1655762"/>
          </a:xfrm>
        </p:spPr>
        <p:txBody>
          <a:bodyPr/>
          <a:lstStyle>
            <a:lvl1pPr marL="0" indent="0" algn="l">
              <a:lnSpc>
                <a:spcPct val="92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6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Klik for at redigere undertiteltypografien i masteren</a:t>
            </a:r>
          </a:p>
        </p:txBody>
      </p:sp>
      <p:sp>
        <p:nvSpPr>
          <p:cNvPr id="10" name="Grøn side bjælke">
            <a:extLst>
              <a:ext uri="{FF2B5EF4-FFF2-40B4-BE49-F238E27FC236}">
                <a16:creationId xmlns:a16="http://schemas.microsoft.com/office/drawing/2014/main" id="{9E80E151-74BB-40B4-9CBF-13F9D41F8E6B}"/>
              </a:ext>
            </a:extLst>
          </p:cNvPr>
          <p:cNvSpPr/>
          <p:nvPr userDrawn="1"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6" name="Footer Placeholder 4" hidden="1">
            <a:extLst>
              <a:ext uri="{FF2B5EF4-FFF2-40B4-BE49-F238E27FC236}">
                <a16:creationId xmlns:a16="http://schemas.microsoft.com/office/drawing/2014/main" id="{875577D5-0A95-4192-B1DA-644C9F98AA2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17" name="Slide Number Placeholder 5" hidden="1">
            <a:extLst>
              <a:ext uri="{FF2B5EF4-FFF2-40B4-BE49-F238E27FC236}">
                <a16:creationId xmlns:a16="http://schemas.microsoft.com/office/drawing/2014/main" id="{33C01527-5374-4AB4-BBAC-E115825ED77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6" name="Billede 5" descr="{&quot;templafy&quot;:{&quot;id&quot;:&quot;7914ed4d-c5c2-4fbb-a3ba-1eff75b1e4ca&quot;}}">
            <a:extLst>
              <a:ext uri="{FF2B5EF4-FFF2-40B4-BE49-F238E27FC236}">
                <a16:creationId xmlns:a16="http://schemas.microsoft.com/office/drawing/2014/main" id="{535345EB-F527-4A5B-BFEA-6166D824F2AE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757324" y="5617902"/>
            <a:ext cx="5760720" cy="867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7805719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 teks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 hvid">
            <a:extLst>
              <a:ext uri="{FF2B5EF4-FFF2-40B4-BE49-F238E27FC236}">
                <a16:creationId xmlns:a16="http://schemas.microsoft.com/office/drawing/2014/main" id="{6E9177DA-3D94-4487-A038-4276C54EF781}"/>
              </a:ext>
            </a:extLst>
          </p:cNvPr>
          <p:cNvSpPr/>
          <p:nvPr userDrawn="1"/>
        </p:nvSpPr>
        <p:spPr>
          <a:xfrm>
            <a:off x="6096000" y="0"/>
            <a:ext cx="6093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Picture Placeholder 2"/>
          <p:cNvSpPr>
            <a:spLocks noGrp="1"/>
          </p:cNvSpPr>
          <p:nvPr>
            <p:ph type="pic" idx="1" hasCustomPrompt="1"/>
          </p:nvPr>
        </p:nvSpPr>
        <p:spPr>
          <a:xfrm>
            <a:off x="6365999" y="180000"/>
            <a:ext cx="5646703" cy="6498000"/>
          </a:xfrm>
          <a:solidFill>
            <a:schemeClr val="bg2"/>
          </a:solidFill>
        </p:spPr>
        <p:txBody>
          <a:bodyPr lIns="144000" tIns="108000" anchor="t" anchorCtr="0"/>
          <a:lstStyle>
            <a:lvl1pPr marL="0" indent="0" algn="l">
              <a:buNone/>
              <a:defRPr sz="16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da-DK" dirty="0"/>
              <a:t>Klik på denne pladsholder og indsæt billede via Templafy Images Library</a:t>
            </a:r>
          </a:p>
        </p:txBody>
      </p:sp>
      <p:sp>
        <p:nvSpPr>
          <p:cNvPr id="8" name="Titel 7">
            <a:extLst>
              <a:ext uri="{FF2B5EF4-FFF2-40B4-BE49-F238E27FC236}">
                <a16:creationId xmlns:a16="http://schemas.microsoft.com/office/drawing/2014/main" id="{5362E39E-B526-4333-965B-AAB5CB8F90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612000"/>
            <a:ext cx="5104800" cy="5525275"/>
          </a:xfrm>
        </p:spPr>
        <p:txBody>
          <a:bodyPr lIns="180000" tIns="180000" rIns="180000" bIns="180000" anchor="ctr" anchorCtr="0"/>
          <a:lstStyle>
            <a:lvl1pPr algn="ctr">
              <a:defRPr sz="6000"/>
            </a:lvl1pPr>
          </a:lstStyle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997A7617-686A-4253-AADB-8F8A2DEC03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2279E212-BCC6-4F58-B8FB-4A47412F526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FC0BC6B4-3D82-4176-8572-C7A0AB4D52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6650700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udska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7">
            <a:extLst>
              <a:ext uri="{FF2B5EF4-FFF2-40B4-BE49-F238E27FC236}">
                <a16:creationId xmlns:a16="http://schemas.microsoft.com/office/drawing/2014/main" id="{5362E39E-B526-4333-965B-AAB5CB8F90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999" y="612000"/>
            <a:ext cx="10751275" cy="5525275"/>
          </a:xfrm>
        </p:spPr>
        <p:txBody>
          <a:bodyPr lIns="180000" tIns="180000" rIns="180000" bIns="180000" anchor="ctr" anchorCtr="0"/>
          <a:lstStyle>
            <a:lvl1pPr algn="ctr">
              <a:defRPr sz="6000"/>
            </a:lvl1pPr>
          </a:lstStyle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997A7617-686A-4253-AADB-8F8A2DEC03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2279E212-BCC6-4F58-B8FB-4A47412F526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FC0BC6B4-3D82-4176-8572-C7A0AB4D52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3181251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 hvid">
            <a:extLst>
              <a:ext uri="{FF2B5EF4-FFF2-40B4-BE49-F238E27FC236}">
                <a16:creationId xmlns:a16="http://schemas.microsoft.com/office/drawing/2014/main" id="{F13EAC75-1CFC-4782-B975-969CF57F37E4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F7B55FDA-0C42-4998-BB87-F6E1498C7577}"/>
              </a:ext>
            </a:extLst>
          </p:cNvPr>
          <p:cNvSpPr/>
          <p:nvPr userDrawn="1"/>
        </p:nvSpPr>
        <p:spPr>
          <a:xfrm>
            <a:off x="180000" y="180000"/>
            <a:ext cx="11829456" cy="649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997A7617-686A-4253-AADB-8F8A2DEC03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2279E212-BCC6-4F58-B8FB-4A47412F526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FC0BC6B4-3D82-4176-8572-C7A0AB4D52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3" name="Kombinationstegning: figur 2">
            <a:extLst>
              <a:ext uri="{FF2B5EF4-FFF2-40B4-BE49-F238E27FC236}">
                <a16:creationId xmlns:a16="http://schemas.microsoft.com/office/drawing/2014/main" id="{20547A07-19C8-439C-88CE-77FCB114D445}"/>
              </a:ext>
            </a:extLst>
          </p:cNvPr>
          <p:cNvSpPr/>
          <p:nvPr/>
        </p:nvSpPr>
        <p:spPr>
          <a:xfrm>
            <a:off x="9128107" y="-3168"/>
            <a:ext cx="2344224" cy="1841588"/>
          </a:xfrm>
          <a:custGeom>
            <a:avLst/>
            <a:gdLst>
              <a:gd name="connsiteX0" fmla="*/ 72439 w 2344223"/>
              <a:gd name="connsiteY0" fmla="*/ 850467 h 1841587"/>
              <a:gd name="connsiteX1" fmla="*/ 482572 w 2344223"/>
              <a:gd name="connsiteY1" fmla="*/ 850467 h 1841587"/>
              <a:gd name="connsiteX2" fmla="*/ 368107 w 2344223"/>
              <a:gd name="connsiteY2" fmla="*/ 1251308 h 1841587"/>
              <a:gd name="connsiteX3" fmla="*/ 3168 w 2344223"/>
              <a:gd name="connsiteY3" fmla="*/ 1486575 h 1841587"/>
              <a:gd name="connsiteX4" fmla="*/ 169164 w 2344223"/>
              <a:gd name="connsiteY4" fmla="*/ 1839265 h 1841587"/>
              <a:gd name="connsiteX5" fmla="*/ 616890 w 2344223"/>
              <a:gd name="connsiteY5" fmla="*/ 1572319 h 1841587"/>
              <a:gd name="connsiteX6" fmla="*/ 856803 w 2344223"/>
              <a:gd name="connsiteY6" fmla="*/ 1190908 h 1841587"/>
              <a:gd name="connsiteX7" fmla="*/ 920161 w 2344223"/>
              <a:gd name="connsiteY7" fmla="*/ 611821 h 1841587"/>
              <a:gd name="connsiteX8" fmla="*/ 920161 w 2344223"/>
              <a:gd name="connsiteY8" fmla="*/ 3168 h 1841587"/>
              <a:gd name="connsiteX9" fmla="*/ 72439 w 2344223"/>
              <a:gd name="connsiteY9" fmla="*/ 3168 h 1841587"/>
              <a:gd name="connsiteX10" fmla="*/ 72439 w 2344223"/>
              <a:gd name="connsiteY10" fmla="*/ 850467 h 1841587"/>
              <a:gd name="connsiteX11" fmla="*/ 1495868 w 2344223"/>
              <a:gd name="connsiteY11" fmla="*/ 850467 h 1841587"/>
              <a:gd name="connsiteX12" fmla="*/ 1903045 w 2344223"/>
              <a:gd name="connsiteY12" fmla="*/ 850467 h 1841587"/>
              <a:gd name="connsiteX13" fmla="*/ 1789847 w 2344223"/>
              <a:gd name="connsiteY13" fmla="*/ 1251308 h 1841587"/>
              <a:gd name="connsiteX14" fmla="*/ 1426598 w 2344223"/>
              <a:gd name="connsiteY14" fmla="*/ 1486575 h 1841587"/>
              <a:gd name="connsiteX15" fmla="*/ 1592594 w 2344223"/>
              <a:gd name="connsiteY15" fmla="*/ 1839265 h 1841587"/>
              <a:gd name="connsiteX16" fmla="*/ 2037363 w 2344223"/>
              <a:gd name="connsiteY16" fmla="*/ 1572319 h 1841587"/>
              <a:gd name="connsiteX17" fmla="*/ 2278543 w 2344223"/>
              <a:gd name="connsiteY17" fmla="*/ 1190908 h 1841587"/>
              <a:gd name="connsiteX18" fmla="*/ 2343168 w 2344223"/>
              <a:gd name="connsiteY18" fmla="*/ 611821 h 1841587"/>
              <a:gd name="connsiteX19" fmla="*/ 2343168 w 2344223"/>
              <a:gd name="connsiteY19" fmla="*/ 3168 h 1841587"/>
              <a:gd name="connsiteX20" fmla="*/ 1495868 w 2344223"/>
              <a:gd name="connsiteY20" fmla="*/ 3168 h 1841587"/>
              <a:gd name="connsiteX21" fmla="*/ 1495868 w 2344223"/>
              <a:gd name="connsiteY21" fmla="*/ 850467 h 184158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</a:cxnLst>
            <a:rect l="l" t="t" r="r" b="b"/>
            <a:pathLst>
              <a:path w="2344223" h="1841587">
                <a:moveTo>
                  <a:pt x="72439" y="850467"/>
                </a:moveTo>
                <a:lnTo>
                  <a:pt x="482572" y="850467"/>
                </a:lnTo>
                <a:cubicBezTo>
                  <a:pt x="478348" y="1017308"/>
                  <a:pt x="440334" y="1151204"/>
                  <a:pt x="368107" y="1251308"/>
                </a:cubicBezTo>
                <a:cubicBezTo>
                  <a:pt x="295457" y="1351835"/>
                  <a:pt x="173810" y="1430398"/>
                  <a:pt x="3168" y="1486575"/>
                </a:cubicBezTo>
                <a:lnTo>
                  <a:pt x="169164" y="1839265"/>
                </a:lnTo>
                <a:cubicBezTo>
                  <a:pt x="349944" y="1775063"/>
                  <a:pt x="499468" y="1685940"/>
                  <a:pt x="616890" y="1572319"/>
                </a:cubicBezTo>
                <a:cubicBezTo>
                  <a:pt x="734312" y="1458698"/>
                  <a:pt x="814565" y="1331561"/>
                  <a:pt x="856803" y="1190908"/>
                </a:cubicBezTo>
                <a:cubicBezTo>
                  <a:pt x="899042" y="1050254"/>
                  <a:pt x="920161" y="857225"/>
                  <a:pt x="920161" y="611821"/>
                </a:cubicBezTo>
                <a:lnTo>
                  <a:pt x="920161" y="3168"/>
                </a:lnTo>
                <a:lnTo>
                  <a:pt x="72439" y="3168"/>
                </a:lnTo>
                <a:lnTo>
                  <a:pt x="72439" y="850467"/>
                </a:lnTo>
                <a:close/>
                <a:moveTo>
                  <a:pt x="1495868" y="850467"/>
                </a:moveTo>
                <a:lnTo>
                  <a:pt x="1903045" y="850467"/>
                </a:lnTo>
                <a:cubicBezTo>
                  <a:pt x="1900933" y="1017308"/>
                  <a:pt x="1863341" y="1151204"/>
                  <a:pt x="1789847" y="1251308"/>
                </a:cubicBezTo>
                <a:cubicBezTo>
                  <a:pt x="1716352" y="1351835"/>
                  <a:pt x="1595551" y="1430398"/>
                  <a:pt x="1426598" y="1486575"/>
                </a:cubicBezTo>
                <a:lnTo>
                  <a:pt x="1592594" y="1839265"/>
                </a:lnTo>
                <a:cubicBezTo>
                  <a:pt x="1771684" y="1775063"/>
                  <a:pt x="1919940" y="1685940"/>
                  <a:pt x="2037363" y="1572319"/>
                </a:cubicBezTo>
                <a:cubicBezTo>
                  <a:pt x="2154785" y="1458698"/>
                  <a:pt x="2235460" y="1331561"/>
                  <a:pt x="2278543" y="1190908"/>
                </a:cubicBezTo>
                <a:cubicBezTo>
                  <a:pt x="2321627" y="1050254"/>
                  <a:pt x="2343168" y="857225"/>
                  <a:pt x="2343168" y="611821"/>
                </a:cubicBezTo>
                <a:lnTo>
                  <a:pt x="2343168" y="3168"/>
                </a:lnTo>
                <a:lnTo>
                  <a:pt x="1495868" y="3168"/>
                </a:lnTo>
                <a:lnTo>
                  <a:pt x="1495868" y="850467"/>
                </a:lnTo>
                <a:close/>
              </a:path>
            </a:pathLst>
          </a:custGeom>
          <a:solidFill>
            <a:schemeClr val="tx2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da-DK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915BDCB3-6170-4ED3-A531-4C0BBBEAF3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3972420"/>
            <a:ext cx="10752000" cy="1440000"/>
          </a:xfrm>
        </p:spPr>
        <p:txBody>
          <a:bodyPr anchor="b" anchorCtr="0"/>
          <a:lstStyle>
            <a:lvl1pPr>
              <a:lnSpc>
                <a:spcPct val="97000"/>
              </a:lnSpc>
              <a:defRPr sz="4800" b="0" i="1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64196D8A-FD6C-4D45-8A21-0B5FDE2D47B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20000" y="5716800"/>
            <a:ext cx="6008400" cy="28080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978929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elsidebillede med teks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7">
            <a:extLst>
              <a:ext uri="{FF2B5EF4-FFF2-40B4-BE49-F238E27FC236}">
                <a16:creationId xmlns:a16="http://schemas.microsoft.com/office/drawing/2014/main" id="{5362E39E-B526-4333-965B-AAB5CB8F90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" y="0"/>
            <a:ext cx="5716800" cy="6858000"/>
          </a:xfrm>
          <a:solidFill>
            <a:schemeClr val="bg1">
              <a:alpha val="60000"/>
            </a:schemeClr>
          </a:solidFill>
        </p:spPr>
        <p:txBody>
          <a:bodyPr vert="horz" lIns="612000" tIns="180000" rIns="180000" bIns="612000" anchor="ctr" anchorCtr="0"/>
          <a:lstStyle>
            <a:lvl1pPr algn="l">
              <a:defRPr sz="2400"/>
            </a:lvl1pPr>
          </a:lstStyle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997A7617-686A-4253-AADB-8F8A2DEC03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2279E212-BCC6-4F58-B8FB-4A47412F526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FC0BC6B4-3D82-4176-8572-C7A0AB4D52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9" name="Grøn side bjælke">
            <a:extLst>
              <a:ext uri="{FF2B5EF4-FFF2-40B4-BE49-F238E27FC236}">
                <a16:creationId xmlns:a16="http://schemas.microsoft.com/office/drawing/2014/main" id="{88D7894F-7E5B-4FF7-B048-2D5945403B98}"/>
              </a:ext>
            </a:extLst>
          </p:cNvPr>
          <p:cNvSpPr/>
          <p:nvPr userDrawn="1"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0" name="TextBox 13">
            <a:extLst>
              <a:ext uri="{FF2B5EF4-FFF2-40B4-BE49-F238E27FC236}">
                <a16:creationId xmlns:a16="http://schemas.microsoft.com/office/drawing/2014/main" id="{822296BE-034D-4656-A8CC-2A70BB3F84A9}"/>
              </a:ext>
            </a:extLst>
          </p:cNvPr>
          <p:cNvSpPr txBox="1"/>
          <p:nvPr userDrawn="1"/>
        </p:nvSpPr>
        <p:spPr>
          <a:xfrm>
            <a:off x="0" y="-213210"/>
            <a:ext cx="12213522" cy="15388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000" noProof="1"/>
              <a:t>Hvis du vil ændre baggrundsbilledet, indsæt nyt billede via Templafy, klik på billedet og vælg knappen ” Sæt slide baggrund” under ATP menuen</a:t>
            </a:r>
          </a:p>
        </p:txBody>
      </p:sp>
    </p:spTree>
    <p:extLst>
      <p:ext uri="{BB962C8B-B14F-4D97-AF65-F5344CB8AC3E}">
        <p14:creationId xmlns:p14="http://schemas.microsoft.com/office/powerpoint/2010/main" val="2019766241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a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8B056DD2-E569-4742-9972-DCAB1C2CB3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00000" y="1589088"/>
            <a:ext cx="10571275" cy="1564593"/>
          </a:xfrm>
        </p:spPr>
        <p:txBody>
          <a:bodyPr anchor="b" anchorCtr="0"/>
          <a:lstStyle>
            <a:lvl1pPr>
              <a:defRPr sz="6000" cap="none" baseline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fx ”Tak for i dag”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900000" y="3545817"/>
            <a:ext cx="10584000" cy="1655762"/>
          </a:xfrm>
        </p:spPr>
        <p:txBody>
          <a:bodyPr/>
          <a:lstStyle>
            <a:lvl1pPr marL="0" indent="0" algn="l">
              <a:lnSpc>
                <a:spcPct val="92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60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Klik for at tilføje tekst</a:t>
            </a:r>
          </a:p>
        </p:txBody>
      </p:sp>
      <p:sp>
        <p:nvSpPr>
          <p:cNvPr id="18" name="TextBox 13">
            <a:extLst>
              <a:ext uri="{FF2B5EF4-FFF2-40B4-BE49-F238E27FC236}">
                <a16:creationId xmlns:a16="http://schemas.microsoft.com/office/drawing/2014/main" id="{17C6BF77-3316-4F29-B23D-5142C5B3F8A9}"/>
              </a:ext>
            </a:extLst>
          </p:cNvPr>
          <p:cNvSpPr txBox="1"/>
          <p:nvPr userDrawn="1"/>
        </p:nvSpPr>
        <p:spPr>
          <a:xfrm>
            <a:off x="0" y="-213210"/>
            <a:ext cx="12213522" cy="15388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000" noProof="1"/>
              <a:t>Hvis du vil ændre baggrundsbilledet, indsæt nyt billede via Templafy, klik på billedet og vælg knappen ” Sæt slide baggrund” under ATP menuen</a:t>
            </a:r>
          </a:p>
        </p:txBody>
      </p:sp>
      <p:sp>
        <p:nvSpPr>
          <p:cNvPr id="12" name="Grøn side bjælke">
            <a:extLst>
              <a:ext uri="{FF2B5EF4-FFF2-40B4-BE49-F238E27FC236}">
                <a16:creationId xmlns:a16="http://schemas.microsoft.com/office/drawing/2014/main" id="{7F668291-03D6-4FC8-8B5A-6F01882B1E69}"/>
              </a:ext>
            </a:extLst>
          </p:cNvPr>
          <p:cNvSpPr/>
          <p:nvPr userDrawn="1"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6" name="Footer Placeholder 4" hidden="1">
            <a:extLst>
              <a:ext uri="{FF2B5EF4-FFF2-40B4-BE49-F238E27FC236}">
                <a16:creationId xmlns:a16="http://schemas.microsoft.com/office/drawing/2014/main" id="{875577D5-0A95-4192-B1DA-644C9F98AA2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17" name="Slide Number Placeholder 5" hidden="1">
            <a:extLst>
              <a:ext uri="{FF2B5EF4-FFF2-40B4-BE49-F238E27FC236}">
                <a16:creationId xmlns:a16="http://schemas.microsoft.com/office/drawing/2014/main" id="{33C01527-5374-4AB4-BBAC-E115825ED77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Billede 6" descr="{&quot;templafy&quot;:{&quot;id&quot;:&quot;86a1d676-9abc-4c0a-af7a-7bb85c84ed1f&quot;}}">
            <a:extLst>
              <a:ext uri="{FF2B5EF4-FFF2-40B4-BE49-F238E27FC236}">
                <a16:creationId xmlns:a16="http://schemas.microsoft.com/office/drawing/2014/main" id="{5359E019-8E1C-4F17-8BEC-D822E9A215B9}"/>
              </a:ext>
            </a:extLst>
          </p:cNvPr>
          <p:cNvPicPr>
            <a:picLocks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697924" y="192968"/>
            <a:ext cx="4291736" cy="3096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6665177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ak Hvi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8B056DD2-E569-4742-9972-DCAB1C2CB3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00000" y="1589088"/>
            <a:ext cx="10571275" cy="1564593"/>
          </a:xfrm>
        </p:spPr>
        <p:txBody>
          <a:bodyPr anchor="b" anchorCtr="0"/>
          <a:lstStyle>
            <a:lvl1pPr>
              <a:defRPr sz="6000"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Skriv fx ”Tak for i dag”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900000" y="3545817"/>
            <a:ext cx="10584000" cy="1655762"/>
          </a:xfrm>
        </p:spPr>
        <p:txBody>
          <a:bodyPr/>
          <a:lstStyle>
            <a:lvl1pPr marL="0" indent="0" algn="l">
              <a:lnSpc>
                <a:spcPct val="92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6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Klik for at tilføje tekst</a:t>
            </a:r>
          </a:p>
        </p:txBody>
      </p:sp>
      <p:sp>
        <p:nvSpPr>
          <p:cNvPr id="16" name="Footer Placeholder 4" hidden="1">
            <a:extLst>
              <a:ext uri="{FF2B5EF4-FFF2-40B4-BE49-F238E27FC236}">
                <a16:creationId xmlns:a16="http://schemas.microsoft.com/office/drawing/2014/main" id="{875577D5-0A95-4192-B1DA-644C9F98AA2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17" name="Slide Number Placeholder 5" hidden="1">
            <a:extLst>
              <a:ext uri="{FF2B5EF4-FFF2-40B4-BE49-F238E27FC236}">
                <a16:creationId xmlns:a16="http://schemas.microsoft.com/office/drawing/2014/main" id="{33C01527-5374-4AB4-BBAC-E115825ED77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1443339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ak Grå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8B056DD2-E569-4742-9972-DCAB1C2CB3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00000" y="1589088"/>
            <a:ext cx="10571275" cy="1564593"/>
          </a:xfrm>
        </p:spPr>
        <p:txBody>
          <a:bodyPr anchor="b" anchorCtr="0"/>
          <a:lstStyle>
            <a:lvl1pPr>
              <a:defRPr sz="6000"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Skriv fx ”Tak for i dag”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900000" y="3545817"/>
            <a:ext cx="10584000" cy="1655762"/>
          </a:xfrm>
        </p:spPr>
        <p:txBody>
          <a:bodyPr/>
          <a:lstStyle>
            <a:lvl1pPr marL="0" indent="0" algn="l">
              <a:lnSpc>
                <a:spcPct val="92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6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Klik for at tilføje tekst</a:t>
            </a:r>
          </a:p>
        </p:txBody>
      </p:sp>
      <p:sp>
        <p:nvSpPr>
          <p:cNvPr id="16" name="Footer Placeholder 4" hidden="1">
            <a:extLst>
              <a:ext uri="{FF2B5EF4-FFF2-40B4-BE49-F238E27FC236}">
                <a16:creationId xmlns:a16="http://schemas.microsoft.com/office/drawing/2014/main" id="{875577D5-0A95-4192-B1DA-644C9F98AA2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17" name="Slide Number Placeholder 5" hidden="1">
            <a:extLst>
              <a:ext uri="{FF2B5EF4-FFF2-40B4-BE49-F238E27FC236}">
                <a16:creationId xmlns:a16="http://schemas.microsoft.com/office/drawing/2014/main" id="{33C01527-5374-4AB4-BBAC-E115825ED77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80147439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E9A77D18-9140-4915-88D8-40C4D71B335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0A3131A9-D28C-4BC1-8458-83235DB37E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45BA1D8B-29A0-44F9-970F-B8DED2CD4B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59456C68-1415-47D4-B5D6-B59BC0132C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89822F6E-086F-403F-AEE7-0611156A29C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18B7B4EA-300C-41C6-8FB0-05DE6E47EAC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576131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204BEF62-0A0C-428F-9593-4784936349E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539749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6EEF8B2-8E00-42F4-9D78-D65F773A7B01}" type="datetime1">
              <a:rPr lang="da-DK" smtClean="0"/>
              <a:t>10.11.2021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5A2DACD1-A298-4D19-866E-68CF70D652E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54000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- Præsentations titel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4BE3378-177E-45B6-8A07-1A8ABC3BC8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6" name="Text Box 2">
            <a:extLst>
              <a:ext uri="{FF2B5EF4-FFF2-40B4-BE49-F238E27FC236}">
                <a16:creationId xmlns:a16="http://schemas.microsoft.com/office/drawing/2014/main" id="{2562121C-7E79-4645-BB1B-1D3855B3831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47859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nyt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indsætte e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7" name="1 Forøg formindsk">
            <a:extLst>
              <a:ext uri="{FF2B5EF4-FFF2-40B4-BE49-F238E27FC236}">
                <a16:creationId xmlns:a16="http://schemas.microsoft.com/office/drawing/2014/main" id="{82A640AB-9083-4E25-B69C-5615DDD51EF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8" name="2 Ny slide">
            <a:extLst>
              <a:ext uri="{FF2B5EF4-FFF2-40B4-BE49-F238E27FC236}">
                <a16:creationId xmlns:a16="http://schemas.microsoft.com/office/drawing/2014/main" id="{C9EFBCCE-8D49-4A73-8762-63E5870B1EC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733516" y="3293367"/>
            <a:ext cx="363713" cy="647461"/>
          </a:xfrm>
          <a:prstGeom prst="rect">
            <a:avLst/>
          </a:prstGeom>
        </p:spPr>
      </p:pic>
      <p:pic>
        <p:nvPicPr>
          <p:cNvPr id="9" name="3 Layout">
            <a:extLst>
              <a:ext uri="{FF2B5EF4-FFF2-40B4-BE49-F238E27FC236}">
                <a16:creationId xmlns:a16="http://schemas.microsoft.com/office/drawing/2014/main" id="{00995F18-330D-4742-AD80-E856C91E09A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748981" y="4147448"/>
            <a:ext cx="593368" cy="192211"/>
          </a:xfrm>
          <a:prstGeom prst="rect">
            <a:avLst/>
          </a:prstGeom>
        </p:spPr>
      </p:pic>
      <p:pic>
        <p:nvPicPr>
          <p:cNvPr id="11" name="4 Nulstil">
            <a:extLst>
              <a:ext uri="{FF2B5EF4-FFF2-40B4-BE49-F238E27FC236}">
                <a16:creationId xmlns:a16="http://schemas.microsoft.com/office/drawing/2014/main" id="{2324BBF6-4E28-4408-B9EF-E9ED5897F24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748981" y="5595133"/>
            <a:ext cx="547241" cy="197798"/>
          </a:xfrm>
          <a:prstGeom prst="rect">
            <a:avLst/>
          </a:prstGeom>
        </p:spPr>
      </p:pic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13" name="Gruppe 12">
            <a:extLst>
              <a:ext uri="{FF2B5EF4-FFF2-40B4-BE49-F238E27FC236}">
                <a16:creationId xmlns:a16="http://schemas.microsoft.com/office/drawing/2014/main" id="{D2C9FB0D-88F7-4914-B163-2A32B5C36395}"/>
              </a:ext>
            </a:extLst>
          </p:cNvPr>
          <p:cNvGrpSpPr/>
          <p:nvPr userDrawn="1"/>
        </p:nvGrpSpPr>
        <p:grpSpPr>
          <a:xfrm>
            <a:off x="6241457" y="3795144"/>
            <a:ext cx="740398" cy="934814"/>
            <a:chOff x="6398620" y="3815586"/>
            <a:chExt cx="740398" cy="934814"/>
          </a:xfrm>
        </p:grpSpPr>
        <p:pic>
          <p:nvPicPr>
            <p:cNvPr id="14" name="6 Crop">
              <a:extLst>
                <a:ext uri="{FF2B5EF4-FFF2-40B4-BE49-F238E27FC236}">
                  <a16:creationId xmlns:a16="http://schemas.microsoft.com/office/drawing/2014/main" id="{9CA7B9C2-7E56-410A-971E-5C2DB12375FC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15" name="Billede 14">
              <a:extLst>
                <a:ext uri="{FF2B5EF4-FFF2-40B4-BE49-F238E27FC236}">
                  <a16:creationId xmlns:a16="http://schemas.microsoft.com/office/drawing/2014/main" id="{8279CECF-FAFA-4219-B5CE-3A3FD849884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5BA528D8-8864-41DB-9710-AE4685B9A20B}"/>
              </a:ext>
            </a:extLst>
          </p:cNvPr>
          <p:cNvGrpSpPr/>
          <p:nvPr userDrawn="1"/>
        </p:nvGrpSpPr>
        <p:grpSpPr>
          <a:xfrm>
            <a:off x="6234489" y="4863338"/>
            <a:ext cx="740397" cy="929593"/>
            <a:chOff x="6391652" y="4854581"/>
            <a:chExt cx="740397" cy="929593"/>
          </a:xfrm>
        </p:grpSpPr>
        <p:pic>
          <p:nvPicPr>
            <p:cNvPr id="17" name="6 Crop">
              <a:extLst>
                <a:ext uri="{FF2B5EF4-FFF2-40B4-BE49-F238E27FC236}">
                  <a16:creationId xmlns:a16="http://schemas.microsoft.com/office/drawing/2014/main" id="{31C0B22E-AE96-4B47-B9E5-0C6BF3DDFBD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18" name="Billede 17">
              <a:extLst>
                <a:ext uri="{FF2B5EF4-FFF2-40B4-BE49-F238E27FC236}">
                  <a16:creationId xmlns:a16="http://schemas.microsoft.com/office/drawing/2014/main" id="{7DEA374A-1857-4DBB-B628-7924724B194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8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6285608" y="2633221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9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0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indtast evt. tekst i sidefod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24" name="6 Beskær">
            <a:extLst>
              <a:ext uri="{FF2B5EF4-FFF2-40B4-BE49-F238E27FC236}">
                <a16:creationId xmlns:a16="http://schemas.microsoft.com/office/drawing/2014/main" id="{73BFC9C5-9F8B-479D-9F8C-258E445B7163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25" name="7 Skalér billede">
            <a:extLst>
              <a:ext uri="{FF2B5EF4-FFF2-40B4-BE49-F238E27FC236}">
                <a16:creationId xmlns:a16="http://schemas.microsoft.com/office/drawing/2014/main" id="{BC0CFA26-138E-416A-95E9-B8BD373116B3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26" name="Fast overskrift">
            <a:extLst>
              <a:ext uri="{FF2B5EF4-FFF2-40B4-BE49-F238E27FC236}">
                <a16:creationId xmlns:a16="http://schemas.microsoft.com/office/drawing/2014/main" id="{70228264-0252-44FF-B3C8-4CBFA6043ED3}"/>
              </a:ext>
            </a:extLst>
          </p:cNvPr>
          <p:cNvSpPr txBox="1"/>
          <p:nvPr userDrawn="1"/>
        </p:nvSpPr>
        <p:spPr>
          <a:xfrm>
            <a:off x="539750" y="720000"/>
            <a:ext cx="10752137" cy="61133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>
              <a:lnSpc>
                <a:spcPct val="83000"/>
              </a:lnSpc>
            </a:pPr>
            <a:r>
              <a:rPr lang="da-DK" sz="3200" b="0" cap="none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</p:spTree>
    <p:extLst>
      <p:ext uri="{BB962C8B-B14F-4D97-AF65-F5344CB8AC3E}">
        <p14:creationId xmlns:p14="http://schemas.microsoft.com/office/powerpoint/2010/main" val="138005844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med mørk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resentationTitle" descr="{&quot;templafy&quot;:{&quot;id&quot;:&quot;b1b0c23c-4a1b-47aa-b135-137dc3a5282b&quot;}}" title="PresentationTitle">
            <a:extLst>
              <a:ext uri="{FF2B5EF4-FFF2-40B4-BE49-F238E27FC236}">
                <a16:creationId xmlns:a16="http://schemas.microsoft.com/office/drawing/2014/main" id="{54C38231-5787-417B-81B2-F1CA47A2AC5D}"/>
              </a:ext>
            </a:extLst>
          </p:cNvPr>
          <p:cNvSpPr/>
          <p:nvPr userDrawn="1"/>
        </p:nvSpPr>
        <p:spPr bwMode="auto">
          <a:xfrm>
            <a:off x="900000" y="933840"/>
            <a:ext cx="10584000" cy="23580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triangle" w="lg" len="med"/>
          </a:ln>
          <a:effectLst/>
        </p:spPr>
        <p:txBody>
          <a:bodyPr vert="horz" wrap="square" lIns="0" tIns="0" rIns="0" bIns="0" numCol="1" rtlCol="0" anchor="b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89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6000" b="1" kern="120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Case: </a:t>
            </a:r>
            <a:r>
              <a:rPr lang="da-DK" sz="6000" b="1" kern="120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Tidlig</a:t>
            </a:r>
            <a:r>
              <a:rPr lang="en-US" sz="6000" b="1" kern="120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 Pension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00000" y="3545817"/>
            <a:ext cx="10584000" cy="1655762"/>
          </a:xfrm>
        </p:spPr>
        <p:txBody>
          <a:bodyPr/>
          <a:lstStyle>
            <a:lvl1pPr marL="0" indent="0" algn="l">
              <a:lnSpc>
                <a:spcPct val="92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60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Klik for at redigere undertiteltypografien i masteren</a:t>
            </a:r>
          </a:p>
        </p:txBody>
      </p:sp>
      <p:sp>
        <p:nvSpPr>
          <p:cNvPr id="18" name="TextBox 13">
            <a:extLst>
              <a:ext uri="{FF2B5EF4-FFF2-40B4-BE49-F238E27FC236}">
                <a16:creationId xmlns:a16="http://schemas.microsoft.com/office/drawing/2014/main" id="{17C6BF77-3316-4F29-B23D-5142C5B3F8A9}"/>
              </a:ext>
            </a:extLst>
          </p:cNvPr>
          <p:cNvSpPr txBox="1"/>
          <p:nvPr userDrawn="1"/>
        </p:nvSpPr>
        <p:spPr>
          <a:xfrm>
            <a:off x="0" y="-213210"/>
            <a:ext cx="12213522" cy="15388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000" noProof="1"/>
              <a:t>Hvis du vil ændre baggrundsbilledet, indsæt nyt billede via Templafy, klik på billedet og vælg knappen ” Sæt slide baggrund” under ATP menuen</a:t>
            </a:r>
          </a:p>
        </p:txBody>
      </p:sp>
      <p:sp>
        <p:nvSpPr>
          <p:cNvPr id="16" name="Footer Placeholder 4" hidden="1">
            <a:extLst>
              <a:ext uri="{FF2B5EF4-FFF2-40B4-BE49-F238E27FC236}">
                <a16:creationId xmlns:a16="http://schemas.microsoft.com/office/drawing/2014/main" id="{875577D5-0A95-4192-B1DA-644C9F98AA2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17" name="Slide Number Placeholder 5" hidden="1">
            <a:extLst>
              <a:ext uri="{FF2B5EF4-FFF2-40B4-BE49-F238E27FC236}">
                <a16:creationId xmlns:a16="http://schemas.microsoft.com/office/drawing/2014/main" id="{33C01527-5374-4AB4-BBAC-E115825ED77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Grøn side bjælke">
            <a:extLst>
              <a:ext uri="{FF2B5EF4-FFF2-40B4-BE49-F238E27FC236}">
                <a16:creationId xmlns:a16="http://schemas.microsoft.com/office/drawing/2014/main" id="{7F668291-03D6-4FC8-8B5A-6F01882B1E69}"/>
              </a:ext>
            </a:extLst>
          </p:cNvPr>
          <p:cNvSpPr/>
          <p:nvPr userDrawn="1"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7" name="Billede 6" descr="{&quot;templafy&quot;:{&quot;id&quot;:&quot;d7e380f3-b92d-4446-883e-5544272e1b0d&quot;}}">
            <a:extLst>
              <a:ext uri="{FF2B5EF4-FFF2-40B4-BE49-F238E27FC236}">
                <a16:creationId xmlns:a16="http://schemas.microsoft.com/office/drawing/2014/main" id="{6C870888-5EC5-473E-8555-76F77DE9CF91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757326" y="5617902"/>
            <a:ext cx="5760720" cy="867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263153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 hvid">
            <a:extLst>
              <a:ext uri="{FF2B5EF4-FFF2-40B4-BE49-F238E27FC236}">
                <a16:creationId xmlns:a16="http://schemas.microsoft.com/office/drawing/2014/main" id="{948D3C32-875C-4B39-A976-3C8C38DF2D49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DE6540B5-4DFB-40E6-BEFC-92E9B5E6DE1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442400" y="1542407"/>
            <a:ext cx="540000" cy="4046862"/>
          </a:xfrm>
        </p:spPr>
        <p:txBody>
          <a:bodyPr/>
          <a:lstStyle>
            <a:lvl1pPr>
              <a:spcAft>
                <a:spcPts val="2800"/>
              </a:spcAft>
              <a:buNone/>
              <a:defRPr sz="2400" b="1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#tal</a:t>
            </a:r>
          </a:p>
        </p:txBody>
      </p:sp>
      <p:sp>
        <p:nvSpPr>
          <p:cNvPr id="17" name="Pladsholder til tekst 15">
            <a:extLst>
              <a:ext uri="{FF2B5EF4-FFF2-40B4-BE49-F238E27FC236}">
                <a16:creationId xmlns:a16="http://schemas.microsoft.com/office/drawing/2014/main" id="{4454732E-C1CA-41E2-93D2-182B9AC15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91281" y="1542406"/>
            <a:ext cx="6380719" cy="4046863"/>
          </a:xfrm>
        </p:spPr>
        <p:txBody>
          <a:bodyPr/>
          <a:lstStyle>
            <a:lvl1pPr>
              <a:spcAft>
                <a:spcPts val="2800"/>
              </a:spcAft>
              <a:buNone/>
              <a:defRPr sz="2400" b="1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Klik og indsæt tekst</a:t>
            </a:r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40E05117-1928-4A71-AD6A-36424975BB8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25898" y="588692"/>
            <a:ext cx="2683919" cy="709200"/>
          </a:xfrm>
          <a:prstGeom prst="rect">
            <a:avLst/>
          </a:prstGeom>
        </p:spPr>
      </p:pic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3D47ED42-4CE1-4689-9D19-C7372B0248E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F4500F3C-49F7-4E37-A153-EE8DDED14C35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987600"/>
            <a:ext cx="0" cy="0"/>
          </a:xfrm>
        </p:spPr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47AE6DFC-E124-4CCF-AF35-9B07EAF5929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9" name="Grøn side bjælke">
            <a:extLst>
              <a:ext uri="{FF2B5EF4-FFF2-40B4-BE49-F238E27FC236}">
                <a16:creationId xmlns:a16="http://schemas.microsoft.com/office/drawing/2014/main" id="{760E04FA-9096-4424-81FC-54A9A8BFBEA4}"/>
              </a:ext>
            </a:extLst>
          </p:cNvPr>
          <p:cNvSpPr/>
          <p:nvPr userDrawn="1"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14376066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 hvid">
            <a:extLst>
              <a:ext uri="{FF2B5EF4-FFF2-40B4-BE49-F238E27FC236}">
                <a16:creationId xmlns:a16="http://schemas.microsoft.com/office/drawing/2014/main" id="{F0E17EEA-A929-4911-B941-F035C03D8B18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8" name="Pladsholder til billede 17">
            <a:extLst>
              <a:ext uri="{FF2B5EF4-FFF2-40B4-BE49-F238E27FC236}">
                <a16:creationId xmlns:a16="http://schemas.microsoft.com/office/drawing/2014/main" id="{524EC8D6-41C9-4A33-B7DC-E2EF2DE7B5EC}"/>
              </a:ext>
            </a:extLst>
          </p:cNvPr>
          <p:cNvSpPr>
            <a:spLocks noGrp="1"/>
          </p:cNvSpPr>
          <p:nvPr>
            <p:ph type="pic" sz="quarter" idx="15" hasCustomPrompt="1"/>
            <p:custDataLst>
              <p:tags r:id="rId1"/>
            </p:custDataLst>
          </p:nvPr>
        </p:nvSpPr>
        <p:spPr>
          <a:xfrm>
            <a:off x="108000" y="3"/>
            <a:ext cx="3435300" cy="6857998"/>
          </a:xfrm>
          <a:custGeom>
            <a:avLst/>
            <a:gdLst>
              <a:gd name="connsiteX0" fmla="*/ 975191 w 3435300"/>
              <a:gd name="connsiteY0" fmla="*/ 5002251 h 6857998"/>
              <a:gd name="connsiteX1" fmla="*/ 975191 w 3435300"/>
              <a:gd name="connsiteY1" fmla="*/ 5533115 h 6857998"/>
              <a:gd name="connsiteX2" fmla="*/ 1667069 w 3435300"/>
              <a:gd name="connsiteY2" fmla="*/ 5931051 h 6857998"/>
              <a:gd name="connsiteX3" fmla="*/ 975191 w 3435300"/>
              <a:gd name="connsiteY3" fmla="*/ 6329412 h 6857998"/>
              <a:gd name="connsiteX4" fmla="*/ 975191 w 3435300"/>
              <a:gd name="connsiteY4" fmla="*/ 6856868 h 6857998"/>
              <a:gd name="connsiteX5" fmla="*/ 2113428 w 3435300"/>
              <a:gd name="connsiteY5" fmla="*/ 6151747 h 6857998"/>
              <a:gd name="connsiteX6" fmla="*/ 2113428 w 3435300"/>
              <a:gd name="connsiteY6" fmla="*/ 5708224 h 6857998"/>
              <a:gd name="connsiteX7" fmla="*/ 2876116 w 3435300"/>
              <a:gd name="connsiteY7" fmla="*/ 945414 h 6857998"/>
              <a:gd name="connsiteX8" fmla="*/ 2876541 w 3435300"/>
              <a:gd name="connsiteY8" fmla="*/ 945414 h 6857998"/>
              <a:gd name="connsiteX9" fmla="*/ 2876541 w 3435300"/>
              <a:gd name="connsiteY9" fmla="*/ 966647 h 6857998"/>
              <a:gd name="connsiteX10" fmla="*/ 2872294 w 3435300"/>
              <a:gd name="connsiteY10" fmla="*/ 1017608 h 6857998"/>
              <a:gd name="connsiteX11" fmla="*/ 2847238 w 3435300"/>
              <a:gd name="connsiteY11" fmla="*/ 1052431 h 6857998"/>
              <a:gd name="connsiteX12" fmla="*/ 2793305 w 3435300"/>
              <a:gd name="connsiteY12" fmla="*/ 1071116 h 6857998"/>
              <a:gd name="connsiteX13" fmla="*/ 2751686 w 3435300"/>
              <a:gd name="connsiteY13" fmla="*/ 1054979 h 6857998"/>
              <a:gd name="connsiteX14" fmla="*/ 2735124 w 3435300"/>
              <a:gd name="connsiteY14" fmla="*/ 1016758 h 6857998"/>
              <a:gd name="connsiteX15" fmla="*/ 2755508 w 3435300"/>
              <a:gd name="connsiteY15" fmla="*/ 979812 h 6857998"/>
              <a:gd name="connsiteX16" fmla="*/ 2812415 w 3435300"/>
              <a:gd name="connsiteY16" fmla="*/ 961551 h 6857998"/>
              <a:gd name="connsiteX17" fmla="*/ 2876116 w 3435300"/>
              <a:gd name="connsiteY17" fmla="*/ 945414 h 6857998"/>
              <a:gd name="connsiteX18" fmla="*/ 1512072 w 3435300"/>
              <a:gd name="connsiteY18" fmla="*/ 810792 h 6857998"/>
              <a:gd name="connsiteX19" fmla="*/ 1566430 w 3435300"/>
              <a:gd name="connsiteY19" fmla="*/ 834573 h 6857998"/>
              <a:gd name="connsiteX20" fmla="*/ 1589787 w 3435300"/>
              <a:gd name="connsiteY20" fmla="*/ 903795 h 6857998"/>
              <a:gd name="connsiteX21" fmla="*/ 1433083 w 3435300"/>
              <a:gd name="connsiteY21" fmla="*/ 903795 h 6857998"/>
              <a:gd name="connsiteX22" fmla="*/ 1455166 w 3435300"/>
              <a:gd name="connsiteY22" fmla="*/ 835847 h 6857998"/>
              <a:gd name="connsiteX23" fmla="*/ 1512072 w 3435300"/>
              <a:gd name="connsiteY23" fmla="*/ 810792 h 6857998"/>
              <a:gd name="connsiteX24" fmla="*/ 1076360 w 3435300"/>
              <a:gd name="connsiteY24" fmla="*/ 810792 h 6857998"/>
              <a:gd name="connsiteX25" fmla="*/ 1140485 w 3435300"/>
              <a:gd name="connsiteY25" fmla="*/ 840519 h 6857998"/>
              <a:gd name="connsiteX26" fmla="*/ 1165965 w 3435300"/>
              <a:gd name="connsiteY26" fmla="*/ 931824 h 6857998"/>
              <a:gd name="connsiteX27" fmla="*/ 1139636 w 3435300"/>
              <a:gd name="connsiteY27" fmla="*/ 1021005 h 6857998"/>
              <a:gd name="connsiteX28" fmla="*/ 1074661 w 3435300"/>
              <a:gd name="connsiteY28" fmla="*/ 1051156 h 6857998"/>
              <a:gd name="connsiteX29" fmla="*/ 1014358 w 3435300"/>
              <a:gd name="connsiteY29" fmla="*/ 1021854 h 6857998"/>
              <a:gd name="connsiteX30" fmla="*/ 989727 w 3435300"/>
              <a:gd name="connsiteY30" fmla="*/ 929276 h 6857998"/>
              <a:gd name="connsiteX31" fmla="*/ 1014358 w 3435300"/>
              <a:gd name="connsiteY31" fmla="*/ 840094 h 6857998"/>
              <a:gd name="connsiteX32" fmla="*/ 1076360 w 3435300"/>
              <a:gd name="connsiteY32" fmla="*/ 810792 h 6857998"/>
              <a:gd name="connsiteX33" fmla="*/ 2380099 w 3435300"/>
              <a:gd name="connsiteY33" fmla="*/ 810368 h 6857998"/>
              <a:gd name="connsiteX34" fmla="*/ 2443375 w 3435300"/>
              <a:gd name="connsiteY34" fmla="*/ 840520 h 6857998"/>
              <a:gd name="connsiteX35" fmla="*/ 2468006 w 3435300"/>
              <a:gd name="connsiteY35" fmla="*/ 939042 h 6857998"/>
              <a:gd name="connsiteX36" fmla="*/ 2442525 w 3435300"/>
              <a:gd name="connsiteY36" fmla="*/ 1031196 h 6857998"/>
              <a:gd name="connsiteX37" fmla="*/ 2380948 w 3435300"/>
              <a:gd name="connsiteY37" fmla="*/ 1062198 h 6857998"/>
              <a:gd name="connsiteX38" fmla="*/ 2310028 w 3435300"/>
              <a:gd name="connsiteY38" fmla="*/ 1021005 h 6857998"/>
              <a:gd name="connsiteX39" fmla="*/ 2292617 w 3435300"/>
              <a:gd name="connsiteY39" fmla="*/ 929276 h 6857998"/>
              <a:gd name="connsiteX40" fmla="*/ 2317672 w 3435300"/>
              <a:gd name="connsiteY40" fmla="*/ 840094 h 6857998"/>
              <a:gd name="connsiteX41" fmla="*/ 2380099 w 3435300"/>
              <a:gd name="connsiteY41" fmla="*/ 810368 h 6857998"/>
              <a:gd name="connsiteX42" fmla="*/ 2812415 w 3435300"/>
              <a:gd name="connsiteY42" fmla="*/ 730955 h 6857998"/>
              <a:gd name="connsiteX43" fmla="*/ 2696055 w 3435300"/>
              <a:gd name="connsiteY43" fmla="*/ 758559 h 6857998"/>
              <a:gd name="connsiteX44" fmla="*/ 2640847 w 3435300"/>
              <a:gd name="connsiteY44" fmla="*/ 843493 h 6857998"/>
              <a:gd name="connsiteX45" fmla="*/ 2735974 w 3435300"/>
              <a:gd name="connsiteY45" fmla="*/ 860480 h 6857998"/>
              <a:gd name="connsiteX46" fmla="*/ 2761029 w 3435300"/>
              <a:gd name="connsiteY46" fmla="*/ 820985 h 6857998"/>
              <a:gd name="connsiteX47" fmla="*/ 2804771 w 3435300"/>
              <a:gd name="connsiteY47" fmla="*/ 809944 h 6857998"/>
              <a:gd name="connsiteX48" fmla="*/ 2861253 w 3435300"/>
              <a:gd name="connsiteY48" fmla="*/ 822684 h 6857998"/>
              <a:gd name="connsiteX49" fmla="*/ 2876116 w 3435300"/>
              <a:gd name="connsiteY49" fmla="*/ 866000 h 6857998"/>
              <a:gd name="connsiteX50" fmla="*/ 2876116 w 3435300"/>
              <a:gd name="connsiteY50" fmla="*/ 876617 h 6857998"/>
              <a:gd name="connsiteX51" fmla="*/ 2774195 w 3435300"/>
              <a:gd name="connsiteY51" fmla="*/ 902522 h 6857998"/>
              <a:gd name="connsiteX52" fmla="*/ 2690958 w 3435300"/>
              <a:gd name="connsiteY52" fmla="*/ 927153 h 6857998"/>
              <a:gd name="connsiteX53" fmla="*/ 2645943 w 3435300"/>
              <a:gd name="connsiteY53" fmla="*/ 967497 h 6857998"/>
              <a:gd name="connsiteX54" fmla="*/ 2629806 w 3435300"/>
              <a:gd name="connsiteY54" fmla="*/ 1027375 h 6857998"/>
              <a:gd name="connsiteX55" fmla="*/ 2665054 w 3435300"/>
              <a:gd name="connsiteY55" fmla="*/ 1111460 h 6857998"/>
              <a:gd name="connsiteX56" fmla="*/ 2761454 w 3435300"/>
              <a:gd name="connsiteY56" fmla="*/ 1144584 h 6857998"/>
              <a:gd name="connsiteX57" fmla="*/ 2826854 w 3435300"/>
              <a:gd name="connsiteY57" fmla="*/ 1131419 h 6857998"/>
              <a:gd name="connsiteX58" fmla="*/ 2884185 w 3435300"/>
              <a:gd name="connsiteY58" fmla="*/ 1092350 h 6857998"/>
              <a:gd name="connsiteX59" fmla="*/ 2888007 w 3435300"/>
              <a:gd name="connsiteY59" fmla="*/ 1104665 h 6857998"/>
              <a:gd name="connsiteX60" fmla="*/ 2898199 w 3435300"/>
              <a:gd name="connsiteY60" fmla="*/ 1135666 h 6857998"/>
              <a:gd name="connsiteX61" fmla="*/ 3001818 w 3435300"/>
              <a:gd name="connsiteY61" fmla="*/ 1135666 h 6857998"/>
              <a:gd name="connsiteX62" fmla="*/ 2983133 w 3435300"/>
              <a:gd name="connsiteY62" fmla="*/ 1082582 h 6857998"/>
              <a:gd name="connsiteX63" fmla="*/ 2978037 w 3435300"/>
              <a:gd name="connsiteY63" fmla="*/ 1005717 h 6857998"/>
              <a:gd name="connsiteX64" fmla="*/ 2979311 w 3435300"/>
              <a:gd name="connsiteY64" fmla="*/ 883412 h 6857998"/>
              <a:gd name="connsiteX65" fmla="*/ 2965297 w 3435300"/>
              <a:gd name="connsiteY65" fmla="*/ 789560 h 6857998"/>
              <a:gd name="connsiteX66" fmla="*/ 2916884 w 3435300"/>
              <a:gd name="connsiteY66" fmla="*/ 747517 h 6857998"/>
              <a:gd name="connsiteX67" fmla="*/ 2812415 w 3435300"/>
              <a:gd name="connsiteY67" fmla="*/ 730955 h 6857998"/>
              <a:gd name="connsiteX68" fmla="*/ 1987704 w 3435300"/>
              <a:gd name="connsiteY68" fmla="*/ 730529 h 6857998"/>
              <a:gd name="connsiteX69" fmla="*/ 1856905 w 3435300"/>
              <a:gd name="connsiteY69" fmla="*/ 797628 h 6857998"/>
              <a:gd name="connsiteX70" fmla="*/ 1856905 w 3435300"/>
              <a:gd name="connsiteY70" fmla="*/ 739447 h 6857998"/>
              <a:gd name="connsiteX71" fmla="*/ 1759655 w 3435300"/>
              <a:gd name="connsiteY71" fmla="*/ 739447 h 6857998"/>
              <a:gd name="connsiteX72" fmla="*/ 1759655 w 3435300"/>
              <a:gd name="connsiteY72" fmla="*/ 1135241 h 6857998"/>
              <a:gd name="connsiteX73" fmla="*/ 1864549 w 3435300"/>
              <a:gd name="connsiteY73" fmla="*/ 1135241 h 6857998"/>
              <a:gd name="connsiteX74" fmla="*/ 1864549 w 3435300"/>
              <a:gd name="connsiteY74" fmla="*/ 955605 h 6857998"/>
              <a:gd name="connsiteX75" fmla="*/ 1872617 w 3435300"/>
              <a:gd name="connsiteY75" fmla="*/ 864726 h 6857998"/>
              <a:gd name="connsiteX76" fmla="*/ 1902344 w 3435300"/>
              <a:gd name="connsiteY76" fmla="*/ 825232 h 6857998"/>
              <a:gd name="connsiteX77" fmla="*/ 1951183 w 3435300"/>
              <a:gd name="connsiteY77" fmla="*/ 810368 h 6857998"/>
              <a:gd name="connsiteX78" fmla="*/ 1987704 w 3435300"/>
              <a:gd name="connsiteY78" fmla="*/ 820985 h 6857998"/>
              <a:gd name="connsiteX79" fmla="*/ 2009362 w 3435300"/>
              <a:gd name="connsiteY79" fmla="*/ 850287 h 6857998"/>
              <a:gd name="connsiteX80" fmla="*/ 2016157 w 3435300"/>
              <a:gd name="connsiteY80" fmla="*/ 933523 h 6857998"/>
              <a:gd name="connsiteX81" fmla="*/ 2016157 w 3435300"/>
              <a:gd name="connsiteY81" fmla="*/ 1135666 h 6857998"/>
              <a:gd name="connsiteX82" fmla="*/ 2120626 w 3435300"/>
              <a:gd name="connsiteY82" fmla="*/ 1135666 h 6857998"/>
              <a:gd name="connsiteX83" fmla="*/ 2120626 w 3435300"/>
              <a:gd name="connsiteY83" fmla="*/ 889357 h 6857998"/>
              <a:gd name="connsiteX84" fmla="*/ 2114681 w 3435300"/>
              <a:gd name="connsiteY84" fmla="*/ 818862 h 6857998"/>
              <a:gd name="connsiteX85" fmla="*/ 2094297 w 3435300"/>
              <a:gd name="connsiteY85" fmla="*/ 774696 h 6857998"/>
              <a:gd name="connsiteX86" fmla="*/ 2050980 w 3435300"/>
              <a:gd name="connsiteY86" fmla="*/ 742844 h 6857998"/>
              <a:gd name="connsiteX87" fmla="*/ 1987704 w 3435300"/>
              <a:gd name="connsiteY87" fmla="*/ 730529 h 6857998"/>
              <a:gd name="connsiteX88" fmla="*/ 1505702 w 3435300"/>
              <a:gd name="connsiteY88" fmla="*/ 730529 h 6857998"/>
              <a:gd name="connsiteX89" fmla="*/ 1375328 w 3435300"/>
              <a:gd name="connsiteY89" fmla="*/ 786161 h 6857998"/>
              <a:gd name="connsiteX90" fmla="*/ 1323943 w 3435300"/>
              <a:gd name="connsiteY90" fmla="*/ 940316 h 6857998"/>
              <a:gd name="connsiteX91" fmla="*/ 1363013 w 3435300"/>
              <a:gd name="connsiteY91" fmla="*/ 1077060 h 6857998"/>
              <a:gd name="connsiteX92" fmla="*/ 1515894 w 3435300"/>
              <a:gd name="connsiteY92" fmla="*/ 1144583 h 6857998"/>
              <a:gd name="connsiteX93" fmla="*/ 1624610 w 3435300"/>
              <a:gd name="connsiteY93" fmla="*/ 1114431 h 6857998"/>
              <a:gd name="connsiteX94" fmla="*/ 1688311 w 3435300"/>
              <a:gd name="connsiteY94" fmla="*/ 1026949 h 6857998"/>
              <a:gd name="connsiteX95" fmla="*/ 1583842 w 3435300"/>
              <a:gd name="connsiteY95" fmla="*/ 1009538 h 6857998"/>
              <a:gd name="connsiteX96" fmla="*/ 1558786 w 3435300"/>
              <a:gd name="connsiteY96" fmla="*/ 1052854 h 6857998"/>
              <a:gd name="connsiteX97" fmla="*/ 1517168 w 3435300"/>
              <a:gd name="connsiteY97" fmla="*/ 1066444 h 6857998"/>
              <a:gd name="connsiteX98" fmla="*/ 1456865 w 3435300"/>
              <a:gd name="connsiteY98" fmla="*/ 1040539 h 6857998"/>
              <a:gd name="connsiteX99" fmla="*/ 1431385 w 3435300"/>
              <a:gd name="connsiteY99" fmla="*/ 967920 h 6857998"/>
              <a:gd name="connsiteX100" fmla="*/ 1694256 w 3435300"/>
              <a:gd name="connsiteY100" fmla="*/ 967920 h 6857998"/>
              <a:gd name="connsiteX101" fmla="*/ 1645419 w 3435300"/>
              <a:gd name="connsiteY101" fmla="*/ 789134 h 6857998"/>
              <a:gd name="connsiteX102" fmla="*/ 1505702 w 3435300"/>
              <a:gd name="connsiteY102" fmla="*/ 730529 h 6857998"/>
              <a:gd name="connsiteX103" fmla="*/ 1049605 w 3435300"/>
              <a:gd name="connsiteY103" fmla="*/ 730529 h 6857998"/>
              <a:gd name="connsiteX104" fmla="*/ 930273 w 3435300"/>
              <a:gd name="connsiteY104" fmla="*/ 783188 h 6857998"/>
              <a:gd name="connsiteX105" fmla="*/ 882285 w 3435300"/>
              <a:gd name="connsiteY105" fmla="*/ 935646 h 6857998"/>
              <a:gd name="connsiteX106" fmla="*/ 918807 w 3435300"/>
              <a:gd name="connsiteY106" fmla="*/ 1068568 h 6857998"/>
              <a:gd name="connsiteX107" fmla="*/ 1045359 w 3435300"/>
              <a:gd name="connsiteY107" fmla="*/ 1136090 h 6857998"/>
              <a:gd name="connsiteX108" fmla="*/ 1163842 w 3435300"/>
              <a:gd name="connsiteY108" fmla="*/ 1071965 h 6857998"/>
              <a:gd name="connsiteX109" fmla="*/ 1163842 w 3435300"/>
              <a:gd name="connsiteY109" fmla="*/ 1129720 h 6857998"/>
              <a:gd name="connsiteX110" fmla="*/ 1159170 w 3435300"/>
              <a:gd name="connsiteY110" fmla="*/ 1177708 h 6857998"/>
              <a:gd name="connsiteX111" fmla="*/ 1138362 w 3435300"/>
              <a:gd name="connsiteY111" fmla="*/ 1204038 h 6857998"/>
              <a:gd name="connsiteX112" fmla="*/ 1076784 w 3435300"/>
              <a:gd name="connsiteY112" fmla="*/ 1216353 h 6857998"/>
              <a:gd name="connsiteX113" fmla="*/ 1029646 w 3435300"/>
              <a:gd name="connsiteY113" fmla="*/ 1205312 h 6857998"/>
              <a:gd name="connsiteX114" fmla="*/ 1015632 w 3435300"/>
              <a:gd name="connsiteY114" fmla="*/ 1176434 h 6857998"/>
              <a:gd name="connsiteX115" fmla="*/ 895875 w 3435300"/>
              <a:gd name="connsiteY115" fmla="*/ 1161995 h 6857998"/>
              <a:gd name="connsiteX116" fmla="*/ 896299 w 3435300"/>
              <a:gd name="connsiteY116" fmla="*/ 1174736 h 6857998"/>
              <a:gd name="connsiteX117" fmla="*/ 938342 w 3435300"/>
              <a:gd name="connsiteY117" fmla="*/ 1262218 h 6857998"/>
              <a:gd name="connsiteX118" fmla="*/ 1081456 w 3435300"/>
              <a:gd name="connsiteY118" fmla="*/ 1296616 h 6857998"/>
              <a:gd name="connsiteX119" fmla="*/ 1169787 w 3435300"/>
              <a:gd name="connsiteY119" fmla="*/ 1285575 h 6857998"/>
              <a:gd name="connsiteX120" fmla="*/ 1225419 w 3435300"/>
              <a:gd name="connsiteY120" fmla="*/ 1254574 h 6857998"/>
              <a:gd name="connsiteX121" fmla="*/ 1257694 w 3435300"/>
              <a:gd name="connsiteY121" fmla="*/ 1200216 h 6857998"/>
              <a:gd name="connsiteX122" fmla="*/ 1269160 w 3435300"/>
              <a:gd name="connsiteY122" fmla="*/ 1095322 h 6857998"/>
              <a:gd name="connsiteX123" fmla="*/ 1269160 w 3435300"/>
              <a:gd name="connsiteY123" fmla="*/ 739447 h 6857998"/>
              <a:gd name="connsiteX124" fmla="*/ 1171061 w 3435300"/>
              <a:gd name="connsiteY124" fmla="*/ 739447 h 6857998"/>
              <a:gd name="connsiteX125" fmla="*/ 1171061 w 3435300"/>
              <a:gd name="connsiteY125" fmla="*/ 795079 h 6857998"/>
              <a:gd name="connsiteX126" fmla="*/ 1049605 w 3435300"/>
              <a:gd name="connsiteY126" fmla="*/ 730529 h 6857998"/>
              <a:gd name="connsiteX127" fmla="*/ 587990 w 3435300"/>
              <a:gd name="connsiteY127" fmla="*/ 716515 h 6857998"/>
              <a:gd name="connsiteX128" fmla="*/ 663581 w 3435300"/>
              <a:gd name="connsiteY128" fmla="*/ 919508 h 6857998"/>
              <a:gd name="connsiteX129" fmla="*/ 514096 w 3435300"/>
              <a:gd name="connsiteY129" fmla="*/ 919508 h 6857998"/>
              <a:gd name="connsiteX130" fmla="*/ 2467581 w 3435300"/>
              <a:gd name="connsiteY130" fmla="*/ 588689 h 6857998"/>
              <a:gd name="connsiteX131" fmla="*/ 2467581 w 3435300"/>
              <a:gd name="connsiteY131" fmla="*/ 785312 h 6857998"/>
              <a:gd name="connsiteX132" fmla="*/ 2352495 w 3435300"/>
              <a:gd name="connsiteY132" fmla="*/ 730104 h 6857998"/>
              <a:gd name="connsiteX133" fmla="*/ 2232738 w 3435300"/>
              <a:gd name="connsiteY133" fmla="*/ 782339 h 6857998"/>
              <a:gd name="connsiteX134" fmla="*/ 2185175 w 3435300"/>
              <a:gd name="connsiteY134" fmla="*/ 935645 h 6857998"/>
              <a:gd name="connsiteX135" fmla="*/ 2234012 w 3435300"/>
              <a:gd name="connsiteY135" fmla="*/ 1089377 h 6857998"/>
              <a:gd name="connsiteX136" fmla="*/ 2351221 w 3435300"/>
              <a:gd name="connsiteY136" fmla="*/ 1144584 h 6857998"/>
              <a:gd name="connsiteX137" fmla="*/ 2417895 w 3435300"/>
              <a:gd name="connsiteY137" fmla="*/ 1128021 h 6857998"/>
              <a:gd name="connsiteX138" fmla="*/ 2475225 w 3435300"/>
              <a:gd name="connsiteY138" fmla="*/ 1077486 h 6857998"/>
              <a:gd name="connsiteX139" fmla="*/ 2475225 w 3435300"/>
              <a:gd name="connsiteY139" fmla="*/ 1135666 h 6857998"/>
              <a:gd name="connsiteX140" fmla="*/ 2572475 w 3435300"/>
              <a:gd name="connsiteY140" fmla="*/ 1135666 h 6857998"/>
              <a:gd name="connsiteX141" fmla="*/ 2572475 w 3435300"/>
              <a:gd name="connsiteY141" fmla="*/ 588689 h 6857998"/>
              <a:gd name="connsiteX142" fmla="*/ 531083 w 3435300"/>
              <a:gd name="connsiteY142" fmla="*/ 588689 h 6857998"/>
              <a:gd name="connsiteX143" fmla="*/ 317898 w 3435300"/>
              <a:gd name="connsiteY143" fmla="*/ 1136091 h 6857998"/>
              <a:gd name="connsiteX144" fmla="*/ 435107 w 3435300"/>
              <a:gd name="connsiteY144" fmla="*/ 1136091 h 6857998"/>
              <a:gd name="connsiteX145" fmla="*/ 480122 w 3435300"/>
              <a:gd name="connsiteY145" fmla="*/ 1011662 h 6857998"/>
              <a:gd name="connsiteX146" fmla="*/ 698829 w 3435300"/>
              <a:gd name="connsiteY146" fmla="*/ 1011662 h 6857998"/>
              <a:gd name="connsiteX147" fmla="*/ 746816 w 3435300"/>
              <a:gd name="connsiteY147" fmla="*/ 1135666 h 6857998"/>
              <a:gd name="connsiteX148" fmla="*/ 866998 w 3435300"/>
              <a:gd name="connsiteY148" fmla="*/ 1135666 h 6857998"/>
              <a:gd name="connsiteX149" fmla="*/ 647868 w 3435300"/>
              <a:gd name="connsiteY149" fmla="*/ 588689 h 6857998"/>
              <a:gd name="connsiteX150" fmla="*/ 0 w 3435300"/>
              <a:gd name="connsiteY150" fmla="*/ 0 h 6857998"/>
              <a:gd name="connsiteX151" fmla="*/ 3435300 w 3435300"/>
              <a:gd name="connsiteY151" fmla="*/ 0 h 6857998"/>
              <a:gd name="connsiteX152" fmla="*/ 3435300 w 3435300"/>
              <a:gd name="connsiteY152" fmla="*/ 5656909 h 6857998"/>
              <a:gd name="connsiteX153" fmla="*/ 2379797 w 3435300"/>
              <a:gd name="connsiteY153" fmla="*/ 5002251 h 6857998"/>
              <a:gd name="connsiteX154" fmla="*/ 2379797 w 3435300"/>
              <a:gd name="connsiteY154" fmla="*/ 5533115 h 6857998"/>
              <a:gd name="connsiteX155" fmla="*/ 3071676 w 3435300"/>
              <a:gd name="connsiteY155" fmla="*/ 5931051 h 6857998"/>
              <a:gd name="connsiteX156" fmla="*/ 2379797 w 3435300"/>
              <a:gd name="connsiteY156" fmla="*/ 6329412 h 6857998"/>
              <a:gd name="connsiteX157" fmla="*/ 2379797 w 3435300"/>
              <a:gd name="connsiteY157" fmla="*/ 6856868 h 6857998"/>
              <a:gd name="connsiteX158" fmla="*/ 3435300 w 3435300"/>
              <a:gd name="connsiteY158" fmla="*/ 6203000 h 6857998"/>
              <a:gd name="connsiteX159" fmla="*/ 3435300 w 3435300"/>
              <a:gd name="connsiteY159" fmla="*/ 6857998 h 6857998"/>
              <a:gd name="connsiteX160" fmla="*/ 0 w 3435300"/>
              <a:gd name="connsiteY160" fmla="*/ 6857998 h 6857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3435300" h="6857998">
                <a:moveTo>
                  <a:pt x="975191" y="5002251"/>
                </a:moveTo>
                <a:lnTo>
                  <a:pt x="975191" y="5533115"/>
                </a:lnTo>
                <a:lnTo>
                  <a:pt x="1667069" y="5931051"/>
                </a:lnTo>
                <a:lnTo>
                  <a:pt x="975191" y="6329412"/>
                </a:lnTo>
                <a:lnTo>
                  <a:pt x="975191" y="6856868"/>
                </a:lnTo>
                <a:lnTo>
                  <a:pt x="2113428" y="6151747"/>
                </a:lnTo>
                <a:lnTo>
                  <a:pt x="2113428" y="5708224"/>
                </a:lnTo>
                <a:close/>
                <a:moveTo>
                  <a:pt x="2876116" y="945414"/>
                </a:moveTo>
                <a:lnTo>
                  <a:pt x="2876541" y="945414"/>
                </a:lnTo>
                <a:lnTo>
                  <a:pt x="2876541" y="966647"/>
                </a:lnTo>
                <a:cubicBezTo>
                  <a:pt x="2876541" y="991703"/>
                  <a:pt x="2874842" y="1008690"/>
                  <a:pt x="2872294" y="1017608"/>
                </a:cubicBezTo>
                <a:cubicBezTo>
                  <a:pt x="2868472" y="1031197"/>
                  <a:pt x="2859978" y="1043088"/>
                  <a:pt x="2847238" y="1052431"/>
                </a:cubicBezTo>
                <a:cubicBezTo>
                  <a:pt x="2830251" y="1064746"/>
                  <a:pt x="2812415" y="1071116"/>
                  <a:pt x="2793305" y="1071116"/>
                </a:cubicBezTo>
                <a:cubicBezTo>
                  <a:pt x="2776743" y="1071116"/>
                  <a:pt x="2762728" y="1066020"/>
                  <a:pt x="2751686" y="1054979"/>
                </a:cubicBezTo>
                <a:cubicBezTo>
                  <a:pt x="2740645" y="1043937"/>
                  <a:pt x="2735124" y="1031622"/>
                  <a:pt x="2735124" y="1016758"/>
                </a:cubicBezTo>
                <a:cubicBezTo>
                  <a:pt x="2735124" y="1001895"/>
                  <a:pt x="2741919" y="989579"/>
                  <a:pt x="2755508" y="979812"/>
                </a:cubicBezTo>
                <a:cubicBezTo>
                  <a:pt x="2764426" y="973867"/>
                  <a:pt x="2783538" y="967921"/>
                  <a:pt x="2812415" y="961551"/>
                </a:cubicBezTo>
                <a:cubicBezTo>
                  <a:pt x="2841293" y="955181"/>
                  <a:pt x="2862527" y="950085"/>
                  <a:pt x="2876116" y="945414"/>
                </a:cubicBezTo>
                <a:close/>
                <a:moveTo>
                  <a:pt x="1512072" y="810792"/>
                </a:moveTo>
                <a:cubicBezTo>
                  <a:pt x="1533306" y="810792"/>
                  <a:pt x="1551567" y="818861"/>
                  <a:pt x="1566430" y="834573"/>
                </a:cubicBezTo>
                <a:cubicBezTo>
                  <a:pt x="1581294" y="850286"/>
                  <a:pt x="1588938" y="873643"/>
                  <a:pt x="1589787" y="903795"/>
                </a:cubicBezTo>
                <a:lnTo>
                  <a:pt x="1433083" y="903795"/>
                </a:lnTo>
                <a:cubicBezTo>
                  <a:pt x="1433083" y="875342"/>
                  <a:pt x="1440303" y="852409"/>
                  <a:pt x="1455166" y="835847"/>
                </a:cubicBezTo>
                <a:cubicBezTo>
                  <a:pt x="1470454" y="819285"/>
                  <a:pt x="1489140" y="810792"/>
                  <a:pt x="1512072" y="810792"/>
                </a:cubicBezTo>
                <a:close/>
                <a:moveTo>
                  <a:pt x="1076360" y="810792"/>
                </a:moveTo>
                <a:cubicBezTo>
                  <a:pt x="1102264" y="810792"/>
                  <a:pt x="1123498" y="820559"/>
                  <a:pt x="1140485" y="840519"/>
                </a:cubicBezTo>
                <a:cubicBezTo>
                  <a:pt x="1157472" y="860478"/>
                  <a:pt x="1165965" y="890630"/>
                  <a:pt x="1165965" y="931824"/>
                </a:cubicBezTo>
                <a:cubicBezTo>
                  <a:pt x="1165965" y="971318"/>
                  <a:pt x="1157472" y="1001045"/>
                  <a:pt x="1139636" y="1021005"/>
                </a:cubicBezTo>
                <a:cubicBezTo>
                  <a:pt x="1121799" y="1040964"/>
                  <a:pt x="1100141" y="1051156"/>
                  <a:pt x="1074661" y="1051156"/>
                </a:cubicBezTo>
                <a:cubicBezTo>
                  <a:pt x="1050879" y="1051156"/>
                  <a:pt x="1030495" y="1041389"/>
                  <a:pt x="1014358" y="1021854"/>
                </a:cubicBezTo>
                <a:cubicBezTo>
                  <a:pt x="997796" y="1002319"/>
                  <a:pt x="989727" y="971318"/>
                  <a:pt x="989727" y="929276"/>
                </a:cubicBezTo>
                <a:cubicBezTo>
                  <a:pt x="989727" y="889356"/>
                  <a:pt x="997796" y="859629"/>
                  <a:pt x="1014358" y="840094"/>
                </a:cubicBezTo>
                <a:cubicBezTo>
                  <a:pt x="1030495" y="820559"/>
                  <a:pt x="1051304" y="810792"/>
                  <a:pt x="1076360" y="810792"/>
                </a:cubicBezTo>
                <a:close/>
                <a:moveTo>
                  <a:pt x="2380099" y="810368"/>
                </a:moveTo>
                <a:cubicBezTo>
                  <a:pt x="2406004" y="810368"/>
                  <a:pt x="2426813" y="820559"/>
                  <a:pt x="2443375" y="840520"/>
                </a:cubicBezTo>
                <a:cubicBezTo>
                  <a:pt x="2459937" y="860903"/>
                  <a:pt x="2468006" y="893604"/>
                  <a:pt x="2468006" y="939042"/>
                </a:cubicBezTo>
                <a:cubicBezTo>
                  <a:pt x="2468006" y="979811"/>
                  <a:pt x="2459512" y="1010812"/>
                  <a:pt x="2442525" y="1031196"/>
                </a:cubicBezTo>
                <a:cubicBezTo>
                  <a:pt x="2425539" y="1052006"/>
                  <a:pt x="2405154" y="1062198"/>
                  <a:pt x="2380948" y="1062198"/>
                </a:cubicBezTo>
                <a:cubicBezTo>
                  <a:pt x="2350372" y="1062198"/>
                  <a:pt x="2327015" y="1048183"/>
                  <a:pt x="2310028" y="1021005"/>
                </a:cubicBezTo>
                <a:cubicBezTo>
                  <a:pt x="2298562" y="1002318"/>
                  <a:pt x="2292617" y="971743"/>
                  <a:pt x="2292617" y="929276"/>
                </a:cubicBezTo>
                <a:cubicBezTo>
                  <a:pt x="2292617" y="889781"/>
                  <a:pt x="2301110" y="860054"/>
                  <a:pt x="2317672" y="840094"/>
                </a:cubicBezTo>
                <a:cubicBezTo>
                  <a:pt x="2334234" y="820135"/>
                  <a:pt x="2355043" y="810368"/>
                  <a:pt x="2380099" y="810368"/>
                </a:cubicBezTo>
                <a:close/>
                <a:moveTo>
                  <a:pt x="2812415" y="730955"/>
                </a:moveTo>
                <a:cubicBezTo>
                  <a:pt x="2761029" y="730955"/>
                  <a:pt x="2722384" y="740298"/>
                  <a:pt x="2696055" y="758559"/>
                </a:cubicBezTo>
                <a:cubicBezTo>
                  <a:pt x="2670150" y="776819"/>
                  <a:pt x="2651464" y="805272"/>
                  <a:pt x="2640847" y="843493"/>
                </a:cubicBezTo>
                <a:lnTo>
                  <a:pt x="2735974" y="860480"/>
                </a:lnTo>
                <a:cubicBezTo>
                  <a:pt x="2742344" y="841794"/>
                  <a:pt x="2750837" y="829054"/>
                  <a:pt x="2761029" y="820985"/>
                </a:cubicBezTo>
                <a:cubicBezTo>
                  <a:pt x="2771647" y="813766"/>
                  <a:pt x="2786086" y="809944"/>
                  <a:pt x="2804771" y="809944"/>
                </a:cubicBezTo>
                <a:cubicBezTo>
                  <a:pt x="2832375" y="809944"/>
                  <a:pt x="2851485" y="813766"/>
                  <a:pt x="2861253" y="822684"/>
                </a:cubicBezTo>
                <a:cubicBezTo>
                  <a:pt x="2871020" y="831602"/>
                  <a:pt x="2876116" y="846041"/>
                  <a:pt x="2876116" y="866000"/>
                </a:cubicBezTo>
                <a:lnTo>
                  <a:pt x="2876116" y="876617"/>
                </a:lnTo>
                <a:cubicBezTo>
                  <a:pt x="2857006" y="884686"/>
                  <a:pt x="2823032" y="893179"/>
                  <a:pt x="2774195" y="902522"/>
                </a:cubicBezTo>
                <a:cubicBezTo>
                  <a:pt x="2738097" y="909741"/>
                  <a:pt x="2710069" y="917810"/>
                  <a:pt x="2690958" y="927153"/>
                </a:cubicBezTo>
                <a:cubicBezTo>
                  <a:pt x="2671848" y="936496"/>
                  <a:pt x="2656560" y="950085"/>
                  <a:pt x="2645943" y="967497"/>
                </a:cubicBezTo>
                <a:cubicBezTo>
                  <a:pt x="2635327" y="984908"/>
                  <a:pt x="2629806" y="1004868"/>
                  <a:pt x="2629806" y="1027375"/>
                </a:cubicBezTo>
                <a:cubicBezTo>
                  <a:pt x="2629806" y="1061349"/>
                  <a:pt x="2641697" y="1089377"/>
                  <a:pt x="2665054" y="1111460"/>
                </a:cubicBezTo>
                <a:cubicBezTo>
                  <a:pt x="2688411" y="1133543"/>
                  <a:pt x="2720685" y="1144584"/>
                  <a:pt x="2761454" y="1144584"/>
                </a:cubicBezTo>
                <a:cubicBezTo>
                  <a:pt x="2784812" y="1144584"/>
                  <a:pt x="2806470" y="1139913"/>
                  <a:pt x="2826854" y="1131419"/>
                </a:cubicBezTo>
                <a:cubicBezTo>
                  <a:pt x="2847238" y="1122926"/>
                  <a:pt x="2866348" y="1109761"/>
                  <a:pt x="2884185" y="1092350"/>
                </a:cubicBezTo>
                <a:cubicBezTo>
                  <a:pt x="2885034" y="1094473"/>
                  <a:pt x="2886308" y="1098295"/>
                  <a:pt x="2888007" y="1104665"/>
                </a:cubicBezTo>
                <a:cubicBezTo>
                  <a:pt x="2892254" y="1118255"/>
                  <a:pt x="2895651" y="1128871"/>
                  <a:pt x="2898199" y="1135666"/>
                </a:cubicBezTo>
                <a:lnTo>
                  <a:pt x="3001818" y="1135666"/>
                </a:lnTo>
                <a:cubicBezTo>
                  <a:pt x="2992901" y="1116981"/>
                  <a:pt x="2986530" y="1099144"/>
                  <a:pt x="2983133" y="1082582"/>
                </a:cubicBezTo>
                <a:cubicBezTo>
                  <a:pt x="2979736" y="1066445"/>
                  <a:pt x="2978037" y="1040540"/>
                  <a:pt x="2978037" y="1005717"/>
                </a:cubicBezTo>
                <a:lnTo>
                  <a:pt x="2979311" y="883412"/>
                </a:lnTo>
                <a:cubicBezTo>
                  <a:pt x="2979311" y="837972"/>
                  <a:pt x="2974639" y="806546"/>
                  <a:pt x="2965297" y="789560"/>
                </a:cubicBezTo>
                <a:cubicBezTo>
                  <a:pt x="2955954" y="772573"/>
                  <a:pt x="2939817" y="758559"/>
                  <a:pt x="2916884" y="747517"/>
                </a:cubicBezTo>
                <a:cubicBezTo>
                  <a:pt x="2893952" y="736476"/>
                  <a:pt x="2859129" y="730955"/>
                  <a:pt x="2812415" y="730955"/>
                </a:cubicBezTo>
                <a:close/>
                <a:moveTo>
                  <a:pt x="1987704" y="730529"/>
                </a:moveTo>
                <a:cubicBezTo>
                  <a:pt x="1935045" y="730529"/>
                  <a:pt x="1891303" y="753037"/>
                  <a:pt x="1856905" y="797628"/>
                </a:cubicBezTo>
                <a:lnTo>
                  <a:pt x="1856905" y="739447"/>
                </a:lnTo>
                <a:lnTo>
                  <a:pt x="1759655" y="739447"/>
                </a:lnTo>
                <a:lnTo>
                  <a:pt x="1759655" y="1135241"/>
                </a:lnTo>
                <a:lnTo>
                  <a:pt x="1864549" y="1135241"/>
                </a:lnTo>
                <a:lnTo>
                  <a:pt x="1864549" y="955605"/>
                </a:lnTo>
                <a:cubicBezTo>
                  <a:pt x="1864549" y="911440"/>
                  <a:pt x="1867097" y="881288"/>
                  <a:pt x="1872617" y="864726"/>
                </a:cubicBezTo>
                <a:cubicBezTo>
                  <a:pt x="1878138" y="848164"/>
                  <a:pt x="1887906" y="834999"/>
                  <a:pt x="1902344" y="825232"/>
                </a:cubicBezTo>
                <a:cubicBezTo>
                  <a:pt x="1916784" y="815464"/>
                  <a:pt x="1932922" y="810368"/>
                  <a:pt x="1951183" y="810368"/>
                </a:cubicBezTo>
                <a:cubicBezTo>
                  <a:pt x="1965621" y="810368"/>
                  <a:pt x="1977512" y="814190"/>
                  <a:pt x="1987704" y="820985"/>
                </a:cubicBezTo>
                <a:cubicBezTo>
                  <a:pt x="1997472" y="827780"/>
                  <a:pt x="2004691" y="837547"/>
                  <a:pt x="2009362" y="850287"/>
                </a:cubicBezTo>
                <a:cubicBezTo>
                  <a:pt x="2014034" y="863027"/>
                  <a:pt x="2016157" y="890631"/>
                  <a:pt x="2016157" y="933523"/>
                </a:cubicBezTo>
                <a:lnTo>
                  <a:pt x="2016157" y="1135666"/>
                </a:lnTo>
                <a:lnTo>
                  <a:pt x="2120626" y="1135666"/>
                </a:lnTo>
                <a:lnTo>
                  <a:pt x="2120626" y="889357"/>
                </a:lnTo>
                <a:cubicBezTo>
                  <a:pt x="2120626" y="858781"/>
                  <a:pt x="2118503" y="835424"/>
                  <a:pt x="2114681" y="818862"/>
                </a:cubicBezTo>
                <a:cubicBezTo>
                  <a:pt x="2110859" y="802299"/>
                  <a:pt x="2104064" y="787436"/>
                  <a:pt x="2094297" y="774696"/>
                </a:cubicBezTo>
                <a:cubicBezTo>
                  <a:pt x="2084529" y="761955"/>
                  <a:pt x="2070090" y="751338"/>
                  <a:pt x="2050980" y="742844"/>
                </a:cubicBezTo>
                <a:cubicBezTo>
                  <a:pt x="2031870" y="734776"/>
                  <a:pt x="2010636" y="730529"/>
                  <a:pt x="1987704" y="730529"/>
                </a:cubicBezTo>
                <a:close/>
                <a:moveTo>
                  <a:pt x="1505702" y="730529"/>
                </a:moveTo>
                <a:cubicBezTo>
                  <a:pt x="1453043" y="730529"/>
                  <a:pt x="1409727" y="748790"/>
                  <a:pt x="1375328" y="786161"/>
                </a:cubicBezTo>
                <a:cubicBezTo>
                  <a:pt x="1340930" y="823107"/>
                  <a:pt x="1323943" y="874492"/>
                  <a:pt x="1323943" y="940316"/>
                </a:cubicBezTo>
                <a:cubicBezTo>
                  <a:pt x="1323943" y="995524"/>
                  <a:pt x="1336683" y="1040963"/>
                  <a:pt x="1363013" y="1077060"/>
                </a:cubicBezTo>
                <a:cubicBezTo>
                  <a:pt x="1396137" y="1122075"/>
                  <a:pt x="1447098" y="1144583"/>
                  <a:pt x="1515894" y="1144583"/>
                </a:cubicBezTo>
                <a:cubicBezTo>
                  <a:pt x="1559211" y="1144583"/>
                  <a:pt x="1595732" y="1134391"/>
                  <a:pt x="1624610" y="1114431"/>
                </a:cubicBezTo>
                <a:cubicBezTo>
                  <a:pt x="1653488" y="1094472"/>
                  <a:pt x="1674721" y="1065170"/>
                  <a:pt x="1688311" y="1026949"/>
                </a:cubicBezTo>
                <a:lnTo>
                  <a:pt x="1583842" y="1009538"/>
                </a:lnTo>
                <a:cubicBezTo>
                  <a:pt x="1577896" y="1029497"/>
                  <a:pt x="1570252" y="1043936"/>
                  <a:pt x="1558786" y="1052854"/>
                </a:cubicBezTo>
                <a:cubicBezTo>
                  <a:pt x="1547320" y="1061772"/>
                  <a:pt x="1533730" y="1066444"/>
                  <a:pt x="1517168" y="1066444"/>
                </a:cubicBezTo>
                <a:cubicBezTo>
                  <a:pt x="1493387" y="1066444"/>
                  <a:pt x="1473002" y="1057950"/>
                  <a:pt x="1456865" y="1040539"/>
                </a:cubicBezTo>
                <a:cubicBezTo>
                  <a:pt x="1440727" y="1023127"/>
                  <a:pt x="1432234" y="998921"/>
                  <a:pt x="1431385" y="967920"/>
                </a:cubicBezTo>
                <a:lnTo>
                  <a:pt x="1694256" y="967920"/>
                </a:lnTo>
                <a:cubicBezTo>
                  <a:pt x="1695955" y="887657"/>
                  <a:pt x="1679392" y="828203"/>
                  <a:pt x="1645419" y="789134"/>
                </a:cubicBezTo>
                <a:cubicBezTo>
                  <a:pt x="1611020" y="750064"/>
                  <a:pt x="1564731" y="730529"/>
                  <a:pt x="1505702" y="730529"/>
                </a:cubicBezTo>
                <a:close/>
                <a:moveTo>
                  <a:pt x="1049605" y="730529"/>
                </a:moveTo>
                <a:cubicBezTo>
                  <a:pt x="1002042" y="730529"/>
                  <a:pt x="962123" y="747941"/>
                  <a:pt x="930273" y="783188"/>
                </a:cubicBezTo>
                <a:cubicBezTo>
                  <a:pt x="898423" y="818436"/>
                  <a:pt x="882285" y="869396"/>
                  <a:pt x="882285" y="935646"/>
                </a:cubicBezTo>
                <a:cubicBezTo>
                  <a:pt x="882285" y="988730"/>
                  <a:pt x="894601" y="1032896"/>
                  <a:pt x="918807" y="1068568"/>
                </a:cubicBezTo>
                <a:cubicBezTo>
                  <a:pt x="949808" y="1113583"/>
                  <a:pt x="992275" y="1136090"/>
                  <a:pt x="1045359" y="1136090"/>
                </a:cubicBezTo>
                <a:cubicBezTo>
                  <a:pt x="1092922" y="1136090"/>
                  <a:pt x="1132416" y="1114857"/>
                  <a:pt x="1163842" y="1071965"/>
                </a:cubicBezTo>
                <a:lnTo>
                  <a:pt x="1163842" y="1129720"/>
                </a:lnTo>
                <a:cubicBezTo>
                  <a:pt x="1163842" y="1153077"/>
                  <a:pt x="1162568" y="1168790"/>
                  <a:pt x="1159170" y="1177708"/>
                </a:cubicBezTo>
                <a:cubicBezTo>
                  <a:pt x="1154499" y="1189599"/>
                  <a:pt x="1147704" y="1198517"/>
                  <a:pt x="1138362" y="1204038"/>
                </a:cubicBezTo>
                <a:cubicBezTo>
                  <a:pt x="1124772" y="1212107"/>
                  <a:pt x="1103963" y="1216353"/>
                  <a:pt x="1076784" y="1216353"/>
                </a:cubicBezTo>
                <a:cubicBezTo>
                  <a:pt x="1055126" y="1216353"/>
                  <a:pt x="1039413" y="1212956"/>
                  <a:pt x="1029646" y="1205312"/>
                </a:cubicBezTo>
                <a:cubicBezTo>
                  <a:pt x="1022426" y="1199791"/>
                  <a:pt x="1017755" y="1190448"/>
                  <a:pt x="1015632" y="1176434"/>
                </a:cubicBezTo>
                <a:lnTo>
                  <a:pt x="895875" y="1161995"/>
                </a:lnTo>
                <a:cubicBezTo>
                  <a:pt x="895875" y="1167091"/>
                  <a:pt x="895450" y="1171338"/>
                  <a:pt x="896299" y="1174736"/>
                </a:cubicBezTo>
                <a:cubicBezTo>
                  <a:pt x="896299" y="1209983"/>
                  <a:pt x="910313" y="1239285"/>
                  <a:pt x="938342" y="1262218"/>
                </a:cubicBezTo>
                <a:cubicBezTo>
                  <a:pt x="966795" y="1285150"/>
                  <a:pt x="1014358" y="1296616"/>
                  <a:pt x="1081456" y="1296616"/>
                </a:cubicBezTo>
                <a:cubicBezTo>
                  <a:pt x="1117128" y="1296616"/>
                  <a:pt x="1146430" y="1293219"/>
                  <a:pt x="1169787" y="1285575"/>
                </a:cubicBezTo>
                <a:cubicBezTo>
                  <a:pt x="1192719" y="1277931"/>
                  <a:pt x="1211405" y="1267738"/>
                  <a:pt x="1225419" y="1254574"/>
                </a:cubicBezTo>
                <a:cubicBezTo>
                  <a:pt x="1239008" y="1241409"/>
                  <a:pt x="1250050" y="1223148"/>
                  <a:pt x="1257694" y="1200216"/>
                </a:cubicBezTo>
                <a:cubicBezTo>
                  <a:pt x="1265338" y="1176859"/>
                  <a:pt x="1269160" y="1142036"/>
                  <a:pt x="1269160" y="1095322"/>
                </a:cubicBezTo>
                <a:lnTo>
                  <a:pt x="1269160" y="739447"/>
                </a:lnTo>
                <a:lnTo>
                  <a:pt x="1171061" y="739447"/>
                </a:lnTo>
                <a:lnTo>
                  <a:pt x="1171061" y="795079"/>
                </a:lnTo>
                <a:cubicBezTo>
                  <a:pt x="1139211" y="752187"/>
                  <a:pt x="1098442" y="730529"/>
                  <a:pt x="1049605" y="730529"/>
                </a:cubicBezTo>
                <a:close/>
                <a:moveTo>
                  <a:pt x="587990" y="716515"/>
                </a:moveTo>
                <a:lnTo>
                  <a:pt x="663581" y="919508"/>
                </a:lnTo>
                <a:lnTo>
                  <a:pt x="514096" y="919508"/>
                </a:lnTo>
                <a:close/>
                <a:moveTo>
                  <a:pt x="2467581" y="588689"/>
                </a:moveTo>
                <a:lnTo>
                  <a:pt x="2467581" y="785312"/>
                </a:lnTo>
                <a:cubicBezTo>
                  <a:pt x="2435306" y="748366"/>
                  <a:pt x="2396661" y="730104"/>
                  <a:pt x="2352495" y="730104"/>
                </a:cubicBezTo>
                <a:cubicBezTo>
                  <a:pt x="2304083" y="730104"/>
                  <a:pt x="2264164" y="747516"/>
                  <a:pt x="2232738" y="782339"/>
                </a:cubicBezTo>
                <a:cubicBezTo>
                  <a:pt x="2200888" y="817587"/>
                  <a:pt x="2185175" y="868547"/>
                  <a:pt x="2185175" y="935645"/>
                </a:cubicBezTo>
                <a:cubicBezTo>
                  <a:pt x="2185175" y="1001469"/>
                  <a:pt x="2201737" y="1052855"/>
                  <a:pt x="2234012" y="1089377"/>
                </a:cubicBezTo>
                <a:cubicBezTo>
                  <a:pt x="2266712" y="1126323"/>
                  <a:pt x="2305781" y="1144584"/>
                  <a:pt x="2351221" y="1144584"/>
                </a:cubicBezTo>
                <a:cubicBezTo>
                  <a:pt x="2373729" y="1144584"/>
                  <a:pt x="2395812" y="1139063"/>
                  <a:pt x="2417895" y="1128021"/>
                </a:cubicBezTo>
                <a:cubicBezTo>
                  <a:pt x="2439977" y="1116980"/>
                  <a:pt x="2459088" y="1099994"/>
                  <a:pt x="2475225" y="1077486"/>
                </a:cubicBezTo>
                <a:lnTo>
                  <a:pt x="2475225" y="1135666"/>
                </a:lnTo>
                <a:lnTo>
                  <a:pt x="2572475" y="1135666"/>
                </a:lnTo>
                <a:lnTo>
                  <a:pt x="2572475" y="588689"/>
                </a:lnTo>
                <a:close/>
                <a:moveTo>
                  <a:pt x="531083" y="588689"/>
                </a:moveTo>
                <a:lnTo>
                  <a:pt x="317898" y="1136091"/>
                </a:lnTo>
                <a:lnTo>
                  <a:pt x="435107" y="1136091"/>
                </a:lnTo>
                <a:lnTo>
                  <a:pt x="480122" y="1011662"/>
                </a:lnTo>
                <a:lnTo>
                  <a:pt x="698829" y="1011662"/>
                </a:lnTo>
                <a:lnTo>
                  <a:pt x="746816" y="1135666"/>
                </a:lnTo>
                <a:lnTo>
                  <a:pt x="866998" y="1135666"/>
                </a:lnTo>
                <a:lnTo>
                  <a:pt x="647868" y="588689"/>
                </a:lnTo>
                <a:close/>
                <a:moveTo>
                  <a:pt x="0" y="0"/>
                </a:moveTo>
                <a:lnTo>
                  <a:pt x="3435300" y="0"/>
                </a:lnTo>
                <a:lnTo>
                  <a:pt x="3435300" y="5656909"/>
                </a:lnTo>
                <a:lnTo>
                  <a:pt x="2379797" y="5002251"/>
                </a:lnTo>
                <a:lnTo>
                  <a:pt x="2379797" y="5533115"/>
                </a:lnTo>
                <a:lnTo>
                  <a:pt x="3071676" y="5931051"/>
                </a:lnTo>
                <a:lnTo>
                  <a:pt x="2379797" y="6329412"/>
                </a:lnTo>
                <a:lnTo>
                  <a:pt x="2379797" y="6856868"/>
                </a:lnTo>
                <a:lnTo>
                  <a:pt x="3435300" y="6203000"/>
                </a:lnTo>
                <a:lnTo>
                  <a:pt x="3435300" y="6857998"/>
                </a:lnTo>
                <a:lnTo>
                  <a:pt x="0" y="6857998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denne pladsholder og indsæt billede via Templafy Images Library</a:t>
            </a:r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DE6540B5-4DFB-40E6-BEFC-92E9B5E6DE1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442400" y="1542407"/>
            <a:ext cx="540000" cy="4046862"/>
          </a:xfrm>
        </p:spPr>
        <p:txBody>
          <a:bodyPr/>
          <a:lstStyle>
            <a:lvl1pPr>
              <a:spcAft>
                <a:spcPts val="2800"/>
              </a:spcAft>
              <a:buNone/>
              <a:defRPr sz="2400" b="1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#tal</a:t>
            </a:r>
          </a:p>
        </p:txBody>
      </p:sp>
      <p:sp>
        <p:nvSpPr>
          <p:cNvPr id="17" name="Pladsholder til tekst 15">
            <a:extLst>
              <a:ext uri="{FF2B5EF4-FFF2-40B4-BE49-F238E27FC236}">
                <a16:creationId xmlns:a16="http://schemas.microsoft.com/office/drawing/2014/main" id="{4454732E-C1CA-41E2-93D2-182B9AC15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91281" y="1542406"/>
            <a:ext cx="6380719" cy="4046863"/>
          </a:xfrm>
        </p:spPr>
        <p:txBody>
          <a:bodyPr/>
          <a:lstStyle>
            <a:lvl1pPr>
              <a:spcAft>
                <a:spcPts val="2800"/>
              </a:spcAft>
              <a:buNone/>
              <a:defRPr sz="2400" b="1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Klik og indsæt tekst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54C38CE9-2E00-46A3-B5A9-AB2CC75EA19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5D982D34-A9D3-4542-B0E9-B24590ADC19D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987600"/>
            <a:ext cx="0" cy="0"/>
          </a:xfrm>
        </p:spPr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82129E6B-3CF6-4BA1-B77B-94F58051874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10" name="Grøn side bjælke">
            <a:extLst>
              <a:ext uri="{FF2B5EF4-FFF2-40B4-BE49-F238E27FC236}">
                <a16:creationId xmlns:a16="http://schemas.microsoft.com/office/drawing/2014/main" id="{165C6833-9074-49CB-824A-0003DA1096DD}"/>
              </a:ext>
            </a:extLst>
          </p:cNvPr>
          <p:cNvSpPr/>
          <p:nvPr userDrawn="1"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89347130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mørk grø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Background hvid">
            <a:extLst>
              <a:ext uri="{FF2B5EF4-FFF2-40B4-BE49-F238E27FC236}">
                <a16:creationId xmlns:a16="http://schemas.microsoft.com/office/drawing/2014/main" id="{459742D5-7CFA-4678-9D96-5F31786E9118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E3C2EB2A-78F9-4119-A0C6-532A5202F5F2}"/>
              </a:ext>
            </a:extLst>
          </p:cNvPr>
          <p:cNvSpPr/>
          <p:nvPr userDrawn="1"/>
        </p:nvSpPr>
        <p:spPr>
          <a:xfrm>
            <a:off x="180000" y="180000"/>
            <a:ext cx="3366138" cy="649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DE6540B5-4DFB-40E6-BEFC-92E9B5E6DE1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442400" y="1542407"/>
            <a:ext cx="540000" cy="4046862"/>
          </a:xfrm>
        </p:spPr>
        <p:txBody>
          <a:bodyPr/>
          <a:lstStyle>
            <a:lvl1pPr>
              <a:spcAft>
                <a:spcPts val="2800"/>
              </a:spcAft>
              <a:buNone/>
              <a:defRPr sz="2400" b="1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#tal</a:t>
            </a:r>
          </a:p>
        </p:txBody>
      </p:sp>
      <p:sp>
        <p:nvSpPr>
          <p:cNvPr id="17" name="Pladsholder til tekst 15">
            <a:extLst>
              <a:ext uri="{FF2B5EF4-FFF2-40B4-BE49-F238E27FC236}">
                <a16:creationId xmlns:a16="http://schemas.microsoft.com/office/drawing/2014/main" id="{4454732E-C1CA-41E2-93D2-182B9AC15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91281" y="1542406"/>
            <a:ext cx="6380719" cy="4046863"/>
          </a:xfrm>
        </p:spPr>
        <p:txBody>
          <a:bodyPr/>
          <a:lstStyle>
            <a:lvl1pPr>
              <a:spcAft>
                <a:spcPts val="2800"/>
              </a:spcAft>
              <a:buNone/>
              <a:defRPr sz="2400" b="1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Klik og indsæt tekst</a:t>
            </a:r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6E1CA79E-2331-4675-9DE1-8776691C577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80000" y="4999058"/>
            <a:ext cx="2546893" cy="1858942"/>
          </a:xfrm>
          <a:prstGeom prst="rect">
            <a:avLst/>
          </a:prstGeom>
        </p:spPr>
      </p:pic>
      <p:pic>
        <p:nvPicPr>
          <p:cNvPr id="2" name="Grafik 1">
            <a:extLst>
              <a:ext uri="{FF2B5EF4-FFF2-40B4-BE49-F238E27FC236}">
                <a16:creationId xmlns:a16="http://schemas.microsoft.com/office/drawing/2014/main" id="{F6C51FA8-8615-4CB1-A41E-CB3E37E81EE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425898" y="588692"/>
            <a:ext cx="2683919" cy="709200"/>
          </a:xfrm>
          <a:prstGeom prst="rect">
            <a:avLst/>
          </a:prstGeom>
        </p:spPr>
      </p:pic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5D3FDACB-B6DA-4C64-AE33-6D86F631B11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C8307109-86D1-4B0D-BBF5-0B0902B9542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987600"/>
            <a:ext cx="0" cy="0"/>
          </a:xfrm>
        </p:spPr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D30CA86E-B327-4F98-9FC0-F04FD0E478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pic>
        <p:nvPicPr>
          <p:cNvPr id="7" name="Billede 6" descr="{&quot;templafy&quot;:{&quot;id&quot;:&quot;fd403016-50f1-42c1-8cf4-37b216b6a24b&quot;}}">
            <a:extLst>
              <a:ext uri="{FF2B5EF4-FFF2-40B4-BE49-F238E27FC236}">
                <a16:creationId xmlns:a16="http://schemas.microsoft.com/office/drawing/2014/main" id="{6C3D0FBA-02E0-4273-956A-0C0F8D26EF96}"/>
              </a:ext>
            </a:extLst>
          </p:cNvPr>
          <p:cNvPicPr>
            <a:picLocks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697924" y="192972"/>
            <a:ext cx="4291736" cy="3096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660434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smid ud">
            <a:extLst>
              <a:ext uri="{FF2B5EF4-FFF2-40B4-BE49-F238E27FC236}">
                <a16:creationId xmlns:a16="http://schemas.microsoft.com/office/drawing/2014/main" id="{06A58688-88A0-49A8-BF04-9BED70DEB83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428"/>
            <a:ext cx="12192000" cy="6857142"/>
          </a:xfrm>
          <a:prstGeom prst="rect">
            <a:avLst/>
          </a:prstGeom>
        </p:spPr>
      </p:pic>
      <p:sp>
        <p:nvSpPr>
          <p:cNvPr id="14" name="Background hvid">
            <a:extLst>
              <a:ext uri="{FF2B5EF4-FFF2-40B4-BE49-F238E27FC236}">
                <a16:creationId xmlns:a16="http://schemas.microsoft.com/office/drawing/2014/main" id="{3A6D9C3E-4C23-40E3-852F-011C132DC45A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3" name="Background">
            <a:extLst>
              <a:ext uri="{FF2B5EF4-FFF2-40B4-BE49-F238E27FC236}">
                <a16:creationId xmlns:a16="http://schemas.microsoft.com/office/drawing/2014/main" id="{491EC833-F88B-4372-B0C4-7B8600C3AA81}"/>
              </a:ext>
            </a:extLst>
          </p:cNvPr>
          <p:cNvSpPr/>
          <p:nvPr userDrawn="1"/>
        </p:nvSpPr>
        <p:spPr>
          <a:xfrm>
            <a:off x="180000" y="180000"/>
            <a:ext cx="7306650" cy="649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1" name="Pladsholder til billede 20">
            <a:extLst>
              <a:ext uri="{FF2B5EF4-FFF2-40B4-BE49-F238E27FC236}">
                <a16:creationId xmlns:a16="http://schemas.microsoft.com/office/drawing/2014/main" id="{8C10BE22-19BE-420A-BE22-C3E39DAA5C98}"/>
              </a:ext>
            </a:extLst>
          </p:cNvPr>
          <p:cNvSpPr>
            <a:spLocks noGrp="1"/>
          </p:cNvSpPr>
          <p:nvPr>
            <p:ph type="pic" sz="quarter" idx="15" hasCustomPrompt="1"/>
            <p:custDataLst>
              <p:tags r:id="rId1"/>
            </p:custDataLst>
          </p:nvPr>
        </p:nvSpPr>
        <p:spPr>
          <a:xfrm>
            <a:off x="7329456" y="180000"/>
            <a:ext cx="4680000" cy="6498000"/>
          </a:xfrm>
          <a:custGeom>
            <a:avLst/>
            <a:gdLst>
              <a:gd name="connsiteX0" fmla="*/ 4680000 w 4680000"/>
              <a:gd name="connsiteY0" fmla="*/ 6004266 h 6498000"/>
              <a:gd name="connsiteX1" fmla="*/ 4680000 w 4680000"/>
              <a:gd name="connsiteY1" fmla="*/ 6498000 h 6498000"/>
              <a:gd name="connsiteX2" fmla="*/ 3880705 w 4680000"/>
              <a:gd name="connsiteY2" fmla="*/ 6498000 h 6498000"/>
              <a:gd name="connsiteX3" fmla="*/ 0 w 4680000"/>
              <a:gd name="connsiteY3" fmla="*/ 0 h 6498000"/>
              <a:gd name="connsiteX4" fmla="*/ 4680000 w 4680000"/>
              <a:gd name="connsiteY4" fmla="*/ 0 h 6498000"/>
              <a:gd name="connsiteX5" fmla="*/ 4680000 w 4680000"/>
              <a:gd name="connsiteY5" fmla="*/ 5471158 h 6498000"/>
              <a:gd name="connsiteX6" fmla="*/ 3607842 w 4680000"/>
              <a:gd name="connsiteY6" fmla="*/ 4807670 h 6498000"/>
              <a:gd name="connsiteX7" fmla="*/ 3607842 w 4680000"/>
              <a:gd name="connsiteY7" fmla="*/ 5339327 h 6498000"/>
              <a:gd name="connsiteX8" fmla="*/ 4302201 w 4680000"/>
              <a:gd name="connsiteY8" fmla="*/ 5737751 h 6498000"/>
              <a:gd name="connsiteX9" fmla="*/ 3607842 w 4680000"/>
              <a:gd name="connsiteY9" fmla="*/ 6137455 h 6498000"/>
              <a:gd name="connsiteX10" fmla="*/ 3607842 w 4680000"/>
              <a:gd name="connsiteY10" fmla="*/ 6498000 h 6498000"/>
              <a:gd name="connsiteX11" fmla="*/ 2471492 w 4680000"/>
              <a:gd name="connsiteY11" fmla="*/ 6498000 h 6498000"/>
              <a:gd name="connsiteX12" fmla="*/ 3341373 w 4680000"/>
              <a:gd name="connsiteY12" fmla="*/ 5960663 h 6498000"/>
              <a:gd name="connsiteX13" fmla="*/ 3341373 w 4680000"/>
              <a:gd name="connsiteY13" fmla="*/ 5514839 h 6498000"/>
              <a:gd name="connsiteX14" fmla="*/ 2198629 w 4680000"/>
              <a:gd name="connsiteY14" fmla="*/ 4807670 h 6498000"/>
              <a:gd name="connsiteX15" fmla="*/ 2198629 w 4680000"/>
              <a:gd name="connsiteY15" fmla="*/ 5339327 h 6498000"/>
              <a:gd name="connsiteX16" fmla="*/ 2892987 w 4680000"/>
              <a:gd name="connsiteY16" fmla="*/ 5737751 h 6498000"/>
              <a:gd name="connsiteX17" fmla="*/ 2198629 w 4680000"/>
              <a:gd name="connsiteY17" fmla="*/ 6137455 h 6498000"/>
              <a:gd name="connsiteX18" fmla="*/ 2198629 w 4680000"/>
              <a:gd name="connsiteY18" fmla="*/ 6498000 h 6498000"/>
              <a:gd name="connsiteX19" fmla="*/ 0 w 4680000"/>
              <a:gd name="connsiteY19" fmla="*/ 6498000 h 649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4680000" h="6498000">
                <a:moveTo>
                  <a:pt x="4680000" y="6004266"/>
                </a:moveTo>
                <a:lnTo>
                  <a:pt x="4680000" y="6498000"/>
                </a:lnTo>
                <a:lnTo>
                  <a:pt x="3880705" y="6498000"/>
                </a:lnTo>
                <a:close/>
                <a:moveTo>
                  <a:pt x="0" y="0"/>
                </a:moveTo>
                <a:lnTo>
                  <a:pt x="4680000" y="0"/>
                </a:lnTo>
                <a:lnTo>
                  <a:pt x="4680000" y="5471158"/>
                </a:lnTo>
                <a:lnTo>
                  <a:pt x="3607842" y="4807670"/>
                </a:lnTo>
                <a:lnTo>
                  <a:pt x="3607842" y="5339327"/>
                </a:lnTo>
                <a:lnTo>
                  <a:pt x="4302201" y="5737751"/>
                </a:lnTo>
                <a:lnTo>
                  <a:pt x="3607842" y="6137455"/>
                </a:lnTo>
                <a:lnTo>
                  <a:pt x="3607842" y="6498000"/>
                </a:lnTo>
                <a:lnTo>
                  <a:pt x="2471492" y="6498000"/>
                </a:lnTo>
                <a:lnTo>
                  <a:pt x="3341373" y="5960663"/>
                </a:lnTo>
                <a:lnTo>
                  <a:pt x="3341373" y="5514839"/>
                </a:lnTo>
                <a:lnTo>
                  <a:pt x="2198629" y="4807670"/>
                </a:lnTo>
                <a:lnTo>
                  <a:pt x="2198629" y="5339327"/>
                </a:lnTo>
                <a:lnTo>
                  <a:pt x="2892987" y="5737751"/>
                </a:lnTo>
                <a:lnTo>
                  <a:pt x="2198629" y="6137455"/>
                </a:lnTo>
                <a:lnTo>
                  <a:pt x="2198629" y="6498000"/>
                </a:lnTo>
                <a:lnTo>
                  <a:pt x="0" y="649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denne pladsholder og indsæt billede via Templafy Images Library</a:t>
            </a:r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DE6540B5-4DFB-40E6-BEFC-92E9B5E6DE1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611188"/>
            <a:ext cx="4106524" cy="2094305"/>
          </a:xfrm>
        </p:spPr>
        <p:txBody>
          <a:bodyPr/>
          <a:lstStyle>
            <a:lvl1pPr>
              <a:lnSpc>
                <a:spcPct val="80000"/>
              </a:lnSpc>
              <a:spcAft>
                <a:spcPts val="2800"/>
              </a:spcAft>
              <a:buNone/>
              <a:defRPr sz="14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da-DK" dirty="0"/>
              <a:t>#tal</a:t>
            </a:r>
          </a:p>
        </p:txBody>
      </p:sp>
      <p:sp>
        <p:nvSpPr>
          <p:cNvPr id="17" name="Pladsholder til tekst 15">
            <a:extLst>
              <a:ext uri="{FF2B5EF4-FFF2-40B4-BE49-F238E27FC236}">
                <a16:creationId xmlns:a16="http://schemas.microsoft.com/office/drawing/2014/main" id="{4454732E-C1CA-41E2-93D2-182B9AC15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1" y="3509328"/>
            <a:ext cx="6320880" cy="2627948"/>
          </a:xfrm>
        </p:spPr>
        <p:txBody>
          <a:bodyPr/>
          <a:lstStyle>
            <a:lvl1pPr>
              <a:lnSpc>
                <a:spcPct val="90000"/>
              </a:lnSpc>
              <a:spcAft>
                <a:spcPts val="0"/>
              </a:spcAft>
              <a:buNone/>
              <a:defRPr sz="48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dirty="0"/>
              <a:t>Klik og indsæt tekst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54C38CE9-2E00-46A3-B5A9-AB2CC75EA19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5D982D34-A9D3-4542-B0E9-B24590ADC19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82129E6B-3CF6-4BA1-B77B-94F58051874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5312620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- mørk grø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 hvid">
            <a:extLst>
              <a:ext uri="{FF2B5EF4-FFF2-40B4-BE49-F238E27FC236}">
                <a16:creationId xmlns:a16="http://schemas.microsoft.com/office/drawing/2014/main" id="{3A6D9C3E-4C23-40E3-852F-011C132DC45A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3" name="Background">
            <a:extLst>
              <a:ext uri="{FF2B5EF4-FFF2-40B4-BE49-F238E27FC236}">
                <a16:creationId xmlns:a16="http://schemas.microsoft.com/office/drawing/2014/main" id="{491EC833-F88B-4372-B0C4-7B8600C3AA81}"/>
              </a:ext>
            </a:extLst>
          </p:cNvPr>
          <p:cNvSpPr/>
          <p:nvPr userDrawn="1"/>
        </p:nvSpPr>
        <p:spPr>
          <a:xfrm>
            <a:off x="180000" y="180000"/>
            <a:ext cx="11829456" cy="649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DE6540B5-4DFB-40E6-BEFC-92E9B5E6DE1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611188"/>
            <a:ext cx="4106524" cy="2094305"/>
          </a:xfrm>
        </p:spPr>
        <p:txBody>
          <a:bodyPr/>
          <a:lstStyle>
            <a:lvl1pPr>
              <a:lnSpc>
                <a:spcPct val="80000"/>
              </a:lnSpc>
              <a:spcAft>
                <a:spcPts val="2800"/>
              </a:spcAft>
              <a:buNone/>
              <a:defRPr sz="14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da-DK" dirty="0"/>
              <a:t>#tal</a:t>
            </a:r>
          </a:p>
        </p:txBody>
      </p:sp>
      <p:sp>
        <p:nvSpPr>
          <p:cNvPr id="17" name="Pladsholder til tekst 15">
            <a:extLst>
              <a:ext uri="{FF2B5EF4-FFF2-40B4-BE49-F238E27FC236}">
                <a16:creationId xmlns:a16="http://schemas.microsoft.com/office/drawing/2014/main" id="{4454732E-C1CA-41E2-93D2-182B9AC15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1" y="3509328"/>
            <a:ext cx="6320880" cy="2627948"/>
          </a:xfrm>
        </p:spPr>
        <p:txBody>
          <a:bodyPr/>
          <a:lstStyle>
            <a:lvl1pPr>
              <a:lnSpc>
                <a:spcPct val="90000"/>
              </a:lnSpc>
              <a:spcAft>
                <a:spcPts val="0"/>
              </a:spcAft>
              <a:buNone/>
              <a:defRPr sz="48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dirty="0"/>
              <a:t>Klik og indsæt tekst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54C38CE9-2E00-46A3-B5A9-AB2CC75EA19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5D982D34-A9D3-4542-B0E9-B24590ADC19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82129E6B-3CF6-4BA1-B77B-94F58051874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7BC809C4-6E36-40D0-8721-B8F6D14648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543318" y="4999058"/>
            <a:ext cx="2546893" cy="18589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43627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- lys grø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 hvid">
            <a:extLst>
              <a:ext uri="{FF2B5EF4-FFF2-40B4-BE49-F238E27FC236}">
                <a16:creationId xmlns:a16="http://schemas.microsoft.com/office/drawing/2014/main" id="{3A6D9C3E-4C23-40E3-852F-011C132DC45A}"/>
              </a:ext>
            </a:extLst>
          </p:cNvPr>
          <p:cNvSpPr/>
          <p:nvPr userDrawn="1"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3" name="Background">
            <a:extLst>
              <a:ext uri="{FF2B5EF4-FFF2-40B4-BE49-F238E27FC236}">
                <a16:creationId xmlns:a16="http://schemas.microsoft.com/office/drawing/2014/main" id="{491EC833-F88B-4372-B0C4-7B8600C3AA81}"/>
              </a:ext>
            </a:extLst>
          </p:cNvPr>
          <p:cNvSpPr/>
          <p:nvPr userDrawn="1"/>
        </p:nvSpPr>
        <p:spPr>
          <a:xfrm>
            <a:off x="180000" y="180000"/>
            <a:ext cx="11829456" cy="649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6" name="Pladsholder til tekst 15">
            <a:extLst>
              <a:ext uri="{FF2B5EF4-FFF2-40B4-BE49-F238E27FC236}">
                <a16:creationId xmlns:a16="http://schemas.microsoft.com/office/drawing/2014/main" id="{DE6540B5-4DFB-40E6-BEFC-92E9B5E6DE1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611188"/>
            <a:ext cx="4106524" cy="2094305"/>
          </a:xfrm>
        </p:spPr>
        <p:txBody>
          <a:bodyPr/>
          <a:lstStyle>
            <a:lvl1pPr>
              <a:lnSpc>
                <a:spcPct val="80000"/>
              </a:lnSpc>
              <a:spcAft>
                <a:spcPts val="2800"/>
              </a:spcAft>
              <a:buNone/>
              <a:defRPr sz="14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da-DK" dirty="0"/>
              <a:t>#tal</a:t>
            </a:r>
          </a:p>
        </p:txBody>
      </p:sp>
      <p:sp>
        <p:nvSpPr>
          <p:cNvPr id="17" name="Pladsholder til tekst 15">
            <a:extLst>
              <a:ext uri="{FF2B5EF4-FFF2-40B4-BE49-F238E27FC236}">
                <a16:creationId xmlns:a16="http://schemas.microsoft.com/office/drawing/2014/main" id="{4454732E-C1CA-41E2-93D2-182B9AC15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1" y="3509328"/>
            <a:ext cx="6320880" cy="2627948"/>
          </a:xfrm>
        </p:spPr>
        <p:txBody>
          <a:bodyPr/>
          <a:lstStyle>
            <a:lvl1pPr>
              <a:lnSpc>
                <a:spcPct val="90000"/>
              </a:lnSpc>
              <a:spcAft>
                <a:spcPts val="0"/>
              </a:spcAft>
              <a:buNone/>
              <a:defRPr sz="48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dirty="0"/>
              <a:t>Klik og indsæt tekst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54C38CE9-2E00-46A3-B5A9-AB2CC75EA19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5D982D34-A9D3-4542-B0E9-B24590ADC19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82129E6B-3CF6-4BA1-B77B-94F58051874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7BC809C4-6E36-40D0-8721-B8F6D14648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543318" y="4999058"/>
            <a:ext cx="2546893" cy="18589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942805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image" Target="../media/image1.1d1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blackWhite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røn side bjælke">
            <a:extLst>
              <a:ext uri="{FF2B5EF4-FFF2-40B4-BE49-F238E27FC236}">
                <a16:creationId xmlns:a16="http://schemas.microsoft.com/office/drawing/2014/main" id="{7F498E97-E45E-4460-BEAF-3F7B7B26C0DE}"/>
              </a:ext>
            </a:extLst>
          </p:cNvPr>
          <p:cNvSpPr/>
          <p:nvPr userDrawn="1"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20000" y="612000"/>
            <a:ext cx="10752000" cy="78817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20000" y="1590674"/>
            <a:ext cx="10752000" cy="454732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SD_Art_SecondLogo">
            <a:extLst>
              <a:ext uri="{FF2B5EF4-FFF2-40B4-BE49-F238E27FC236}">
                <a16:creationId xmlns:a16="http://schemas.microsoft.com/office/drawing/2014/main" id="{7AF873DF-53BF-46D7-B9C8-3D47CB09AED3}"/>
              </a:ext>
            </a:extLst>
          </p:cNvPr>
          <p:cNvSpPr/>
          <p:nvPr userDrawn="1"/>
        </p:nvSpPr>
        <p:spPr>
          <a:xfrm>
            <a:off x="0" y="0"/>
            <a:ext cx="11934000" cy="694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noProof="0" dirty="0">
              <a:solidFill>
                <a:schemeClr val="tx1"/>
              </a:solidFill>
            </a:endParaRPr>
          </a:p>
        </p:txBody>
      </p:sp>
      <p:sp>
        <p:nvSpPr>
          <p:cNvPr id="14" name="Date Placeholder 3" hidden="1">
            <a:extLst>
              <a:ext uri="{FF2B5EF4-FFF2-40B4-BE49-F238E27FC236}">
                <a16:creationId xmlns:a16="http://schemas.microsoft.com/office/drawing/2014/main" id="{4C1AEC78-C2F5-4FD8-922A-985B54D6C03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15" name="Footer Placeholder 4" hidden="1">
            <a:extLst>
              <a:ext uri="{FF2B5EF4-FFF2-40B4-BE49-F238E27FC236}">
                <a16:creationId xmlns:a16="http://schemas.microsoft.com/office/drawing/2014/main" id="{B95ED2B7-453B-43CC-B6B8-BE4DD2EA471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GB"/>
              <a:t>- Præsentations titel</a:t>
            </a:r>
            <a:endParaRPr lang="en-GB" dirty="0"/>
          </a:p>
        </p:txBody>
      </p:sp>
      <p:pic>
        <p:nvPicPr>
          <p:cNvPr id="9" name="Billede 8" descr="{&quot;templafy&quot;:{&quot;id&quot;:&quot;7b64d6c2-953e-4d7c-962f-941aa60637a3&quot;}}">
            <a:extLst>
              <a:ext uri="{FF2B5EF4-FFF2-40B4-BE49-F238E27FC236}">
                <a16:creationId xmlns:a16="http://schemas.microsoft.com/office/drawing/2014/main" id="{5676458E-376D-46CC-A0BC-67747F64E22C}"/>
              </a:ext>
            </a:extLst>
          </p:cNvPr>
          <p:cNvPicPr>
            <a:picLocks/>
          </p:cNvPicPr>
          <p:nvPr userDrawn="1"/>
        </p:nvPicPr>
        <p:blipFill>
          <a:blip r:embed="rId31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697924" y="192972"/>
            <a:ext cx="4291736" cy="3096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29" r:id="rId2"/>
    <p:sldLayoutId id="2147483728" r:id="rId3"/>
    <p:sldLayoutId id="2147483659" r:id="rId4"/>
    <p:sldLayoutId id="2147483730" r:id="rId5"/>
    <p:sldLayoutId id="2147483731" r:id="rId6"/>
    <p:sldLayoutId id="2147483734" r:id="rId7"/>
    <p:sldLayoutId id="2147483733" r:id="rId8"/>
    <p:sldLayoutId id="2147483735" r:id="rId9"/>
    <p:sldLayoutId id="2147483736" r:id="rId10"/>
    <p:sldLayoutId id="2147483721" r:id="rId11"/>
    <p:sldLayoutId id="2147483737" r:id="rId12"/>
    <p:sldLayoutId id="2147483738" r:id="rId13"/>
    <p:sldLayoutId id="2147483750" r:id="rId14"/>
    <p:sldLayoutId id="2147483749" r:id="rId15"/>
    <p:sldLayoutId id="2147483751" r:id="rId16"/>
    <p:sldLayoutId id="2147483741" r:id="rId17"/>
    <p:sldLayoutId id="2147483742" r:id="rId18"/>
    <p:sldLayoutId id="2147483743" r:id="rId19"/>
    <p:sldLayoutId id="2147483744" r:id="rId20"/>
    <p:sldLayoutId id="2147483745" r:id="rId21"/>
    <p:sldLayoutId id="2147483746" r:id="rId22"/>
    <p:sldLayoutId id="2147483747" r:id="rId23"/>
    <p:sldLayoutId id="2147483748" r:id="rId24"/>
    <p:sldLayoutId id="2147483752" r:id="rId25"/>
    <p:sldLayoutId id="2147483753" r:id="rId26"/>
    <p:sldLayoutId id="2147483654" r:id="rId27"/>
    <p:sldLayoutId id="2147483655" r:id="rId28"/>
    <p:sldLayoutId id="2147483727" r:id="rId29"/>
  </p:sldLayoutIdLst>
  <p:hf hdr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3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000"/>
        </a:spcAft>
        <a:buFont typeface="Arial" panose="020B0604020202020204" pitchFamily="34" charset="0"/>
        <a:buChar char="​"/>
        <a:defRPr sz="2000" kern="1200">
          <a:solidFill>
            <a:schemeClr val="tx2"/>
          </a:solidFill>
          <a:latin typeface="+mn-lt"/>
          <a:ea typeface="+mn-ea"/>
          <a:cs typeface="+mn-cs"/>
        </a:defRPr>
      </a:lvl1pPr>
      <a:lvl2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1000"/>
        </a:spcAft>
        <a:buSzPct val="100000"/>
        <a:buFont typeface="Arial" panose="020B0604020202020204" pitchFamily="34" charset="0"/>
        <a:buChar char="●"/>
        <a:defRPr sz="2000" kern="1200">
          <a:solidFill>
            <a:schemeClr val="tx2"/>
          </a:solidFill>
          <a:latin typeface="+mn-lt"/>
          <a:ea typeface="+mn-ea"/>
          <a:cs typeface="+mn-cs"/>
        </a:defRPr>
      </a:lvl2pPr>
      <a:lvl3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10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3pPr>
      <a:lvl4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10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000"/>
        </a:spcAft>
        <a:buFont typeface="Arial" panose="020B0604020202020204" pitchFamily="34" charset="0"/>
        <a:buChar char="​"/>
        <a:defRPr sz="2400" b="1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000"/>
        </a:spcAft>
        <a:buFont typeface="Arial" panose="020B0604020202020204" pitchFamily="34" charset="0"/>
        <a:buChar char="​"/>
        <a:defRPr sz="1800" b="1" kern="1200" cap="all" baseline="0">
          <a:solidFill>
            <a:schemeClr val="accent3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000"/>
        </a:spcAft>
        <a:buFont typeface="Arial" panose="020B0604020202020204" pitchFamily="34" charset="0"/>
        <a:buChar char="​"/>
        <a:defRPr sz="1600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000"/>
        </a:spcAft>
        <a:buFont typeface="Arial" panose="020B0604020202020204" pitchFamily="34" charset="0"/>
        <a:buChar char="​"/>
        <a:defRPr sz="110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000"/>
        </a:spcAft>
        <a:buFont typeface="Arial" panose="020B0604020202020204" pitchFamily="34" charset="0"/>
        <a:buChar char="​"/>
        <a:defRPr sz="6000" b="1" kern="1200" baseline="0">
          <a:solidFill>
            <a:schemeClr val="tx2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53" userDrawn="1">
          <p15:clr>
            <a:srgbClr val="F26B43"/>
          </p15:clr>
        </p15:guide>
        <p15:guide id="2" pos="7225" userDrawn="1">
          <p15:clr>
            <a:srgbClr val="F26B43"/>
          </p15:clr>
        </p15:guide>
        <p15:guide id="3" orient="horz" pos="385" userDrawn="1">
          <p15:clr>
            <a:srgbClr val="F26B43"/>
          </p15:clr>
        </p15:guide>
        <p15:guide id="4" orient="horz" pos="882" userDrawn="1">
          <p15:clr>
            <a:srgbClr val="F26B43"/>
          </p15:clr>
        </p15:guide>
        <p15:guide id="5" pos="3668" userDrawn="1">
          <p15:clr>
            <a:srgbClr val="F26B43"/>
          </p15:clr>
        </p15:guide>
        <p15:guide id="6" orient="horz" pos="1001" userDrawn="1">
          <p15:clr>
            <a:srgbClr val="F26B43"/>
          </p15:clr>
        </p15:guide>
        <p15:guide id="7" orient="horz" pos="3866" userDrawn="1">
          <p15:clr>
            <a:srgbClr val="F26B43"/>
          </p15:clr>
        </p15:guide>
        <p15:guide id="8" pos="1872" userDrawn="1">
          <p15:clr>
            <a:srgbClr val="F26B43"/>
          </p15:clr>
        </p15:guide>
        <p15:guide id="9" pos="2214" userDrawn="1">
          <p15:clr>
            <a:srgbClr val="F26B43"/>
          </p15:clr>
        </p15:guide>
        <p15:guide id="10" orient="horz" pos="3865" userDrawn="1">
          <p15:clr>
            <a:srgbClr val="F26B43"/>
          </p15:clr>
        </p15:guide>
        <p15:guide id="11" pos="5447" userDrawn="1">
          <p15:clr>
            <a:srgbClr val="F26B43"/>
          </p15:clr>
        </p15:guide>
        <p15:guide id="12" pos="5789" userDrawn="1">
          <p15:clr>
            <a:srgbClr val="F26B43"/>
          </p15:clr>
        </p15:guide>
        <p15:guide id="13" orient="horz" pos="1000" userDrawn="1">
          <p15:clr>
            <a:srgbClr val="F26B43"/>
          </p15:clr>
        </p15:guide>
        <p15:guide id="14" pos="4010" userDrawn="1">
          <p15:clr>
            <a:srgbClr val="F26B43"/>
          </p15:clr>
        </p15:guide>
        <p15:guide id="15" pos="7226" userDrawn="1">
          <p15:clr>
            <a:srgbClr val="F26B43"/>
          </p15:clr>
        </p15:guide>
        <p15:guide id="16" pos="113" userDrawn="1">
          <p15:clr>
            <a:srgbClr val="F26B43"/>
          </p15:clr>
        </p15:guide>
        <p15:guide id="17" orient="horz" pos="113" userDrawn="1">
          <p15:clr>
            <a:srgbClr val="F26B43"/>
          </p15:clr>
        </p15:guide>
        <p15:guide id="18" pos="7565" userDrawn="1">
          <p15:clr>
            <a:srgbClr val="F26B43"/>
          </p15:clr>
        </p15:guide>
        <p15:guide id="19" orient="horz" pos="4206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jpe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21160FC1-F6CA-0641-8E9E-5BDCE33C3B2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0E3D76-7EFF-9148-9984-4EBE70D4CF0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70E430C-667E-404B-8B8A-612652E7D8B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5122" name="Picture 2">
            <a:extLst>
              <a:ext uri="{FF2B5EF4-FFF2-40B4-BE49-F238E27FC236}">
                <a16:creationId xmlns:a16="http://schemas.microsoft.com/office/drawing/2014/main" id="{DCF35553-9577-CE47-B6A8-EF6A82C8F12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175" y="0"/>
            <a:ext cx="12187238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Subtitle 1">
            <a:extLst>
              <a:ext uri="{FF2B5EF4-FFF2-40B4-BE49-F238E27FC236}">
                <a16:creationId xmlns:a16="http://schemas.microsoft.com/office/drawing/2014/main" id="{0C24A71C-437D-5947-BB19-D07F72472CEE}"/>
              </a:ext>
            </a:extLst>
          </p:cNvPr>
          <p:cNvSpPr txBox="1">
            <a:spLocks/>
          </p:cNvSpPr>
          <p:nvPr/>
        </p:nvSpPr>
        <p:spPr>
          <a:xfrm>
            <a:off x="514518" y="1492502"/>
            <a:ext cx="10584000" cy="254813"/>
          </a:xfrm>
          <a:prstGeom prst="rect">
            <a:avLst/>
          </a:prstGeom>
        </p:spPr>
        <p:txBody>
          <a:bodyPr vert="horz" lIns="0" tIns="0" rIns="0" bIns="0" rtlCol="0">
            <a:spAutoFit/>
          </a:bodyPr>
          <a:lstStyle>
            <a:lvl1pPr marL="0" indent="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3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SzPct val="100000"/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b="1" kern="1200" cap="all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b="1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DK" sz="1800" b="1" dirty="0"/>
              <a:t>Datadrevet Organisationsanalyse</a:t>
            </a:r>
          </a:p>
        </p:txBody>
      </p:sp>
      <p:sp>
        <p:nvSpPr>
          <p:cNvPr id="7" name="Subtitle 1">
            <a:extLst>
              <a:ext uri="{FF2B5EF4-FFF2-40B4-BE49-F238E27FC236}">
                <a16:creationId xmlns:a16="http://schemas.microsoft.com/office/drawing/2014/main" id="{6338E195-239E-E544-BE76-87F248337F67}"/>
              </a:ext>
            </a:extLst>
          </p:cNvPr>
          <p:cNvSpPr txBox="1">
            <a:spLocks/>
          </p:cNvSpPr>
          <p:nvPr/>
        </p:nvSpPr>
        <p:spPr>
          <a:xfrm>
            <a:off x="514518" y="800533"/>
            <a:ext cx="10584000" cy="566309"/>
          </a:xfrm>
          <a:prstGeom prst="rect">
            <a:avLst/>
          </a:prstGeom>
        </p:spPr>
        <p:txBody>
          <a:bodyPr vert="horz" lIns="0" tIns="0" rIns="0" bIns="0" rtlCol="0">
            <a:spAutoFit/>
          </a:bodyPr>
          <a:lstStyle>
            <a:lvl1pPr marL="0" indent="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3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SzPct val="100000"/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b="1" kern="1200" cap="all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b="1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4000" b="1" dirty="0"/>
              <a:t>Case: Tidlig Pension</a:t>
            </a:r>
          </a:p>
        </p:txBody>
      </p:sp>
      <p:sp>
        <p:nvSpPr>
          <p:cNvPr id="9" name="Subtitle 1">
            <a:extLst>
              <a:ext uri="{FF2B5EF4-FFF2-40B4-BE49-F238E27FC236}">
                <a16:creationId xmlns:a16="http://schemas.microsoft.com/office/drawing/2014/main" id="{307811C9-2F3B-8C4C-8D3A-BC71C793FD2A}"/>
              </a:ext>
            </a:extLst>
          </p:cNvPr>
          <p:cNvSpPr txBox="1">
            <a:spLocks/>
          </p:cNvSpPr>
          <p:nvPr/>
        </p:nvSpPr>
        <p:spPr>
          <a:xfrm>
            <a:off x="514518" y="1812645"/>
            <a:ext cx="10584000" cy="169918"/>
          </a:xfrm>
          <a:prstGeom prst="rect">
            <a:avLst/>
          </a:prstGeom>
        </p:spPr>
        <p:txBody>
          <a:bodyPr vert="horz" lIns="0" tIns="0" rIns="0" bIns="0" rtlCol="0">
            <a:spAutoFit/>
          </a:bodyPr>
          <a:lstStyle>
            <a:lvl1pPr marL="0" indent="0" algn="l" defTabSz="914400" rtl="0" eaLnBrk="1" latinLnBrk="0" hangingPunct="1">
              <a:lnSpc>
                <a:spcPct val="92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36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SzPct val="100000"/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b="1" kern="1200" cap="all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000"/>
              </a:spcAft>
              <a:buFont typeface="Arial" panose="020B0604020202020204" pitchFamily="34" charset="0"/>
              <a:buChar char="​"/>
              <a:defRPr sz="2000" b="1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200" dirty="0"/>
              <a:t>November 10, 2021</a:t>
            </a:r>
          </a:p>
        </p:txBody>
      </p:sp>
    </p:spTree>
    <p:extLst>
      <p:ext uri="{BB962C8B-B14F-4D97-AF65-F5344CB8AC3E}">
        <p14:creationId xmlns:p14="http://schemas.microsoft.com/office/powerpoint/2010/main" val="24842770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DDF055C-7756-DF42-9221-6504F16CEC7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F49D40C5-1309-694C-9EAF-F0D17EDE297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714E663-B260-954F-A87B-D981EAD511A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9BBCEB7-F018-3A4C-8E8D-A6CEF15B25B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2710309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FE61EC0E-FE2F-2E4A-87CC-949A7D63DE7A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ECE9CDE-D99B-874D-85BA-7EE6C34772D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3357723-A848-F24E-B564-D2BF8107548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637A8D3-C061-1749-84B6-7E65D73B96E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A1A537DF-1C06-1944-B89F-4A4254A85989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26C1601-3587-7643-9A37-08874A4ACC7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390290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3019DE9F-9385-1F49-A833-7D4E19DED27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AB44F59-423E-1D48-A969-402E93B12A9E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EB1060E-B2E0-4F17-A8B5-1DBABCA21F66}" type="datetime1">
              <a:rPr lang="da-DK" smtClean="0"/>
              <a:t>10.11.2021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FCFA381-A095-1B43-AD85-7F890FF09D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- Præsentations titel</a:t>
            </a:r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746F082-E96B-1148-B86B-AB93C1D214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E3DB878-A6EC-4245-86A5-CE8787F06CB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B809E17-1D20-5E47-86CB-819339EB3A5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DK"/>
          </a:p>
        </p:txBody>
      </p:sp>
    </p:spTree>
    <p:extLst>
      <p:ext uri="{BB962C8B-B14F-4D97-AF65-F5344CB8AC3E}">
        <p14:creationId xmlns:p14="http://schemas.microsoft.com/office/powerpoint/2010/main" val="140344611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4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4"/>
</p:tagLst>
</file>

<file path=ppt/theme/theme1.xml><?xml version="1.0" encoding="utf-8"?>
<a:theme xmlns:a="http://schemas.openxmlformats.org/drawingml/2006/main" name="ATP PowerPoint Skabelon">
  <a:themeElements>
    <a:clrScheme name="ATP">
      <a:dk1>
        <a:sysClr val="windowText" lastClr="000000"/>
      </a:dk1>
      <a:lt1>
        <a:sysClr val="window" lastClr="FFFFFF"/>
      </a:lt1>
      <a:dk2>
        <a:srgbClr val="3C413C"/>
      </a:dk2>
      <a:lt2>
        <a:srgbClr val="D9D9D6"/>
      </a:lt2>
      <a:accent1>
        <a:srgbClr val="ADC232"/>
      </a:accent1>
      <a:accent2>
        <a:srgbClr val="82AF82"/>
      </a:accent2>
      <a:accent3>
        <a:srgbClr val="B6CFAE"/>
      </a:accent3>
      <a:accent4>
        <a:srgbClr val="F7EFAB"/>
      </a:accent4>
      <a:accent5>
        <a:srgbClr val="9BCCDA"/>
      </a:accent5>
      <a:accent6>
        <a:srgbClr val="4E71B7"/>
      </a:accent6>
      <a:hlink>
        <a:srgbClr val="0563C1"/>
      </a:hlink>
      <a:folHlink>
        <a:srgbClr val="954F72"/>
      </a:folHlink>
    </a:clrScheme>
    <a:fontScheme name="ATP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ATP PowerPoint Skabelon.potx" id="{BEF2BBAD-8413-40C2-986B-60C95D68C872}" vid="{7D57469B-F46A-4C35-B5ED-8A44A4D1D9DE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643618419606183","enableDocumentContentUpdater":true,"version":"1.0"}]]></TemplafySlideTemplateConfiguration>
</file>

<file path=customXml/item100.xml><?xml version="1.0" encoding="utf-8"?>
<TemplafySlideFormConfiguration><![CDATA[{"formFields":[],"formDataEntries":[]}]]></TemplafySlideFormConfiguration>
</file>

<file path=customXml/item101.xml><?xml version="1.0" encoding="utf-8"?>
<TemplafySlideTemplateConfiguration><![CDATA[{"documentContentValidatorConfiguration":{"enableDocumentContentValidator":false,"documentContentValidatorVersion":0},"elementsMetadata":[],"slideId":"637643618405542447","enableDocumentContentUpdater":true,"version":"1.0"}]]></TemplafySlideTemplateConfiguration>
</file>

<file path=customXml/item102.xml><?xml version="1.0" encoding="utf-8"?>
<TemplafySlideFormConfiguration><![CDATA[{"formFields":[],"formDataEntries":[]}]]></TemplafySlideFormConfiguration>
</file>

<file path=customXml/item103.xml><?xml version="1.0" encoding="utf-8"?>
<TemplafySlideTemplateConfiguration><![CDATA[{"documentContentValidatorConfiguration":{"enableDocumentContentValidator":false,"documentContentValidatorVersion":0},"elementsMetadata":[],"slideId":"637643618418981146","enableDocumentContentUpdater":true,"version":"1.0"}]]></TemplafySlideTemplateConfiguration>
</file>

<file path=customXml/item104.xml><?xml version="1.0" encoding="utf-8"?>
<TemplafySlideTemplateConfiguration><![CDATA[{"documentContentValidatorConfiguration":{"enableDocumentContentValidator":false,"documentContentValidatorVersion":0},"elementsMetadata":[],"slideId":"637643618419449930","enableDocumentContentUpdater":true,"version":"1.0"}]]></TemplafySlideTemplateConfiguration>
</file>

<file path=customXml/item105.xml><?xml version="1.0" encoding="utf-8"?>
<TemplafySlideTemplateConfiguration><![CDATA[{"documentContentValidatorConfiguration":{"enableDocumentContentValidator":false,"documentContentValidatorVersion":0},"elementsMetadata":[],"slideId":"637643618411167951","enableDocumentContentUpdater":true,"version":"1.0"}]]></TemplafySlideTemplateConfiguration>
</file>

<file path=customXml/item106.xml><?xml version="1.0" encoding="utf-8"?>
<TemplafySlideTemplateConfiguration><![CDATA[{"documentContentValidatorConfiguration":{"enableDocumentContentValidator":false,"documentContentValidatorVersion":0},"elementsMetadata":[],"slideId":"637643618407886390","enableDocumentContentUpdater":true,"version":"1.0"}]]></TemplafySlideTemplateConfiguration>
</file>

<file path=customXml/item107.xml><?xml version="1.0" encoding="utf-8"?>
<TemplafySlideTemplateConfiguration><![CDATA[{"documentContentValidatorConfiguration":{"enableDocumentContentValidator":false,"documentContentValidatorVersion":0},"elementsMetadata":[],"slideId":"637643618417887263","enableDocumentContentUpdater":true,"version":"1.0"}]]></TemplafySlideTemplateConfiguration>
</file>

<file path=customXml/item108.xml><?xml version="1.0" encoding="utf-8"?>
<TemplafySlideTemplateConfiguration><![CDATA[{"documentContentValidatorConfiguration":{"enableDocumentContentValidator":false,"documentContentValidatorVersion":0},"elementsMetadata":[],"slideId":"637643618413511897","enableDocumentContentUpdater":true,"version":"1.0"}]]></TemplafySlideTemplateConfiguration>
</file>

<file path=customXml/item109.xml><?xml version="1.0" encoding="utf-8"?>
<TemplafySlideTemplateConfiguration><![CDATA[{"documentContentValidatorConfiguration":{"enableDocumentContentValidator":false,"documentContentValidatorVersion":0},"elementsMetadata":[],"slideId":"637643618410855420","enableDocumentContentUpdater":true,"version":"1.0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643618412261783","enableDocumentContentUpdater":true,"version":"1.0"}]]></TemplafySlideTemplateConfiguration>
</file>

<file path=customXml/item110.xml><?xml version="1.0" encoding="utf-8"?>
<TemplafySlideTemplateConfiguration><![CDATA[{"documentContentValidatorConfiguration":{"enableDocumentContentValidator":false,"documentContentValidatorVersion":0},"elementsMetadata":[],"slideId":"637643618403354756","enableDocumentContentUpdater":true,"version":"1.0"}]]></TemplafySlideTemplateConfiguration>
</file>

<file path=customXml/item111.xml><?xml version="1.0" encoding="utf-8"?>
<TemplafySlideFormConfiguration><![CDATA[{"formFields":[],"formDataEntries":[]}]]></TemplafySlideFormConfiguration>
</file>

<file path=customXml/item112.xml><?xml version="1.0" encoding="utf-8"?>
<TemplafySlideFormConfiguration><![CDATA[{"formFields":[],"formDataEntries":[]}]]></TemplafySlideFormConfiguration>
</file>

<file path=customXml/item113.xml><?xml version="1.0" encoding="utf-8"?>
<TemplafySlideFormConfiguration><![CDATA[{"formFields":[],"formDataEntries":[]}]]></TemplafySlideFormConfiguration>
</file>

<file path=customXml/item114.xml><?xml version="1.0" encoding="utf-8"?>
<TemplafyFormConfiguration><![CDATA[{"formFields":[],"formDataEntries":[]}]]></TemplafyFormConfiguration>
</file>

<file path=customXml/item115.xml><?xml version="1.0" encoding="utf-8"?>
<TemplafySlideFormConfiguration><![CDATA[{"formFields":[],"formDataEntries":[]}]]></TemplafySlideFormConfiguration>
</file>

<file path=customXml/item116.xml><?xml version="1.0" encoding="utf-8"?>
<TemplafySlideFormConfiguration><![CDATA[{"formFields":[],"formDataEntries":[]}]]></TemplafySlideFormConfiguration>
</file>

<file path=customXml/item117.xml><?xml version="1.0" encoding="utf-8"?>
<TemplafySlideTemplateConfiguration><![CDATA[{"documentContentValidatorConfiguration":{"enableDocumentContentValidator":false,"documentContentValidatorVersion":0},"elementsMetadata":[],"slideId":"637643618418199822","enableDocumentContentUpdater":true,"version":"1.0"}]]></TemplafySlideTemplateConfiguration>
</file>

<file path=customXml/item118.xml><?xml version="1.0" encoding="utf-8"?>
<TemplafySlideFormConfiguration><![CDATA[{"formFields":[],"formDataEntries":[]}]]></TemplafySlideFormConfiguration>
</file>

<file path=customXml/item119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643618401479631","enableDocumentContentUpdater":true,"version":"1.0"}]]></TemplafySlideTemplateConfiguration>
</file>

<file path=customXml/item120.xml><?xml version="1.0" encoding="utf-8"?>
<TemplafySlideFormConfiguration><![CDATA[{"formFields":[],"formDataEntries":[]}]]></TemplafySlideFormConfiguration>
</file>

<file path=customXml/item121.xml><?xml version="1.0" encoding="utf-8"?>
<TemplafySlideTemplateConfiguration><![CDATA[{"documentContentValidatorConfiguration":{"enableDocumentContentValidator":false,"documentContentValidatorVersion":0},"elementsMetadata":[],"slideId":"637643618412886846","enableDocumentContentUpdater":true,"version":"1.0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643618401479631","enableDocumentContentUpdater":true,"version":"1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643618402729734","enableDocumentContentUpdater":true,"version":"1.0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643618412574326","enableDocumentContentUpdater":true,"version":"1.0"}]]></TemplafySlide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7643618401167108","enableDocumentContentUpdater":true,"version":"1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643618400854564","enableDocumentContentUpdater":true,"version":"1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643618418043554","enableDocumentContentUpdater":true,"version":"1.0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643618411011683","enableDocumentContentUpdater":true,"version":"1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7643618399291913","enableDocumentContentUpdater":true,"version":"1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7643618418668623","enableDocumentContentUpdater":true,"version":"1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documentContentValidatorConfiguration":{"enableDocumentContentValidator":false,"documentContentValidatorVersion":0},"elementsMetadata":[],"slideId":"637643618405073689","enableDocumentContentUpdater":true,"version":"1.0"}]]></TemplafySlideTemplate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7643618413668161","enableDocumentContentUpdater":true,"version":"1.0"}]]></TemplafySlideTemplate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7643618401010861","enableDocumentContentUpdater":true,"version":"1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7643618419606183","enableDocumentContentUpdater":true,"version":"1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documentContentValidatorConfiguration":{"enableDocumentContentValidator":false,"documentContentValidatorVersion":0},"elementsMetadata":[],"slideId":"637643618401323378","enableDocumentContentUpdater":true,"version":"1.0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643618419606183","enableDocumentContentUpdater":true,"version":"1.0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documentContentValidatorConfiguration":{"enableDocumentContentValidator":false,"documentContentValidatorVersion":0},"elementsMetadata":[],"slideId":"637643618419606183","enableDocumentContentUpdater":true,"version":"1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7643618402886001","enableDocumentContentUpdater":true,"version":"1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documentContentValidatorConfiguration":{"enableDocumentContentValidator":false,"documentContentValidatorVersion":0},"elementsMetadata":[],"slideId":"637643618401167108","enableDocumentContentUpdater":true,"version":"1.0"}]]></TemplafySlideTemplate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documentContentValidatorConfiguration":{"enableDocumentContentValidator":false,"documentContentValidatorVersion":0},"elementsMetadata":[],"slideId":"637643618400698327","enableDocumentContentUpdater":true,"version":"1.0"}]]></TemplafySlideTemplateConfiguration>
</file>

<file path=customXml/item53.xml><?xml version="1.0" encoding="utf-8"?>
<TemplafySlideTemplateConfiguration><![CDATA[{"documentContentValidatorConfiguration":{"enableDocumentContentValidator":false,"documentContentValidatorVersion":0},"elementsMetadata":[],"slideId":"637643618417731024","enableDocumentContentUpdater":true,"version":"1.0"}]]></TemplafySlideTemplateConfiguration>
</file>

<file path=customXml/item54.xml><?xml version="1.0" encoding="utf-8"?>
<TemplafySlideTemplateConfiguration><![CDATA[{"documentContentValidatorConfiguration":{"enableDocumentContentValidator":false,"documentContentValidatorVersion":0},"elementsMetadata":[],"slideId":"637643618400854564","enableDocumentContentUpdater":true,"version":"1.0"}]]></TemplafySlideTemplateConfiguration>
</file>

<file path=customXml/item55.xml><?xml version="1.0" encoding="utf-8"?>
<TemplafySlideTemplateConfiguration><![CDATA[{"documentContentValidatorConfiguration":{"enableDocumentContentValidator":false,"documentContentValidatorVersion":0},"elementsMetadata":[],"slideId":"637345368869757896","enableDocumentContentUpdater":true,"version":"1.0"}]]></TemplafySlideTemplate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documentContentValidatorConfiguration":{"enableDocumentContentValidator":false,"documentContentValidatorVersion":0},"elementsMetadata":[],"slideId":"637643618413199345","enableDocumentContentUpdater":true,"version":"1.0"}]]></TemplafySlideTemplate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73038870444755","version":"1.0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643618413824462","enableDocumentContentUpdater":true,"version":"1.0"}]]></TemplafySlideTemplate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documentContentValidatorConfiguration":{"enableDocumentContentValidator":false,"documentContentValidatorVersion":0},"elementsMetadata":[],"slideId":"637643618411793407","enableDocumentContentUpdater":true,"version":"1.0"}]]></TemplafySlideTemplateConfiguration>
</file>

<file path=customXml/item6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78715982462985","version":"1.0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documentContentValidatorConfiguration":{"enableDocumentContentValidator":false,"documentContentValidatorVersion":0},"elementsMetadata":[],"slideId":"637643618419137422","enableDocumentContentUpdater":true,"version":"1.0"}]]></TemplafySlideTemplate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TemplateConfiguration><![CDATA[{"documentContentValidatorConfiguration":{"enableDocumentContentValidator":false,"documentContentValidatorVersion":0},"elementsMetadata":[],"slideId":"637643618399604458","enableDocumentContentUpdater":true,"version":"1.0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documentContentValidatorConfiguration":{"enableDocumentContentValidator":false,"documentContentValidatorVersion":0},"elementsMetadata":[],"slideId":"637643618401636386","enableDocumentContentUpdater":true,"version":"1.0"}]]></TemplafySlideTemplate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TemplateConfiguration><![CDATA[{"documentContentValidatorConfiguration":{"enableDocumentContentValidator":false,"documentContentValidatorVersion":0},"elementsMetadata":[],"slideId":"637643618407261360","enableDocumentContentUpdater":true,"version":"1.0"}]]></TemplafySlideTemplateConfiguration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TemplateConfiguration><![CDATA[{"documentContentValidatorConfiguration":{"enableDocumentContentValidator":false,"documentContentValidatorVersion":0},"elementsMetadata":[],"slideId":"637643618419606183","enableDocumentContentUpdater":true,"version":"1.0"}]]></TemplafySlideTemplate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TemplateConfiguration><![CDATA[{"documentContentValidatorConfiguration":{"enableDocumentContentValidator":false,"documentContentValidatorVersion":0},"elementsMetadata":[],"slideId":"637643618405229956","enableDocumentContentUpdater":true,"version":"1.0"}]]></TemplafySlideTemplateConfiguration>
</file>

<file path=customXml/item78.xml><?xml version="1.0" encoding="utf-8"?>
<TemplafySlideTemplateConfiguration><![CDATA[{"documentContentValidatorConfiguration":{"enableDocumentContentValidator":false,"documentContentValidatorVersion":0},"elementsMetadata":[],"slideId":"637643618401792164","enableDocumentContentUpdater":true,"version":"1.0"}]]></TemplafySlideTemplate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643618403511060","enableDocumentContentUpdater":true,"version":"1.0"}]]></TemplafySlideTemplate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documentContentValidatorConfiguration":{"enableDocumentContentValidator":false,"documentContentValidatorVersion":0},"elementsMetadata":[],"slideId":"637643618400542061","enableDocumentContentUpdater":true,"version":"1.0"}]]></TemplafySlideTemplateConfiguration>
</file>

<file path=customXml/item82.xml><?xml version="1.0" encoding="utf-8"?>
<TemplafySlideTemplateConfiguration><![CDATA[{"documentContentValidatorConfiguration":{"enableDocumentContentValidator":false,"documentContentValidatorVersion":0},"elementsMetadata":[],"slideId":"637643618417418530","enableDocumentContentUpdater":true,"version":"1.0"}]]></TemplafySlideTemplateConfiguration>
</file>

<file path=customXml/item83.xml><?xml version="1.0" encoding="utf-8"?>
<TemplafyTemplateConfiguration><![CDATA[{"elementsMetadata":[],"transformationConfigurations":[],"templateName":"","templateDescription":"","enableDocumentContentUpdater":true,"version":"1.0"}]]></TemplafyTemplateConfiguration>
</file>

<file path=customXml/item84.xml><?xml version="1.0" encoding="utf-8"?>
<TemplafyFormConfiguration><![CDATA[{"formFields":[],"formDataEntries":[]}]]></TemplafyFormConfiguration>
</file>

<file path=customXml/item85.xml><?xml version="1.0" encoding="utf-8"?>
<TemplafySlideTemplateConfiguration><![CDATA[{"documentContentValidatorConfiguration":{"enableDocumentContentValidator":false,"documentContentValidatorVersion":0},"elementsMetadata":[],"slideId":"637643618417574780","enableDocumentContentUpdater":true,"version":"1.0"}]]></TemplafySlideTemplateConfiguration>
</file>

<file path=customXml/item86.xml><?xml version="1.0" encoding="utf-8"?>
<TemplafySlideFormConfiguration><![CDATA[{"formFields":[],"formDataEntries":[]}]]></TemplafySlideForm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TemplateConfiguration><![CDATA[{"documentContentValidatorConfiguration":{"enableDocumentContentValidator":false,"documentContentValidatorVersion":0},"elementsMetadata":[],"slideId":"637643618418824882","enableDocumentContentUpdater":true,"version":"1.0"}]]></TemplafySlideTemplateConfiguration>
</file>

<file path=customXml/item89.xml><?xml version="1.0" encoding="utf-8"?>
<TemplafySlideTemplateConfiguration><![CDATA[{"documentContentValidatorConfiguration":{"enableDocumentContentValidator":false,"documentContentValidatorVersion":0},"elementsMetadata":[],"slideId":"637643618417418530","enableDocumentContentUpdater":true,"version":"1.0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643618401792165","enableDocumentContentUpdater":true,"version":"1.0"}]]></TemplafySlideTemplate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documentContentValidatorConfiguration":{"enableDocumentContentValidator":false,"documentContentValidatorVersion":0},"elementsMetadata":[],"slideId":"637643618419293665","enableDocumentContentUpdater":true,"version":"1.0"}]]></TemplafySlideTemplate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TemplateConfiguration><![CDATA[{"documentContentValidatorConfiguration":{"enableDocumentContentValidator":false,"documentContentValidatorVersion":0},"elementsMetadata":[],"slideId":"637643618399760727","enableDocumentContentUpdater":true,"version":"1.0"}]]></TemplafySlideTemplateConfiguration>
</file>

<file path=customXml/item94.xml><?xml version="1.0" encoding="utf-8"?>
<TemplafySlideFormConfiguration><![CDATA[{"formFields":[],"formDataEntries":[]}]]></TemplafySlideFormConfiguration>
</file>

<file path=customXml/item95.xml><?xml version="1.0" encoding="utf-8"?>
<TemplafySlideFormConfiguration><![CDATA[{"formFields":[],"formDataEntries":[]}]]></TemplafySlideForm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73038871090542","version":"1.0"}]]></TemplafySlideTemplateConfiguration>
</file>

<file path=customXml/item9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73038875161655","version":"1.0"}]]></TemplafySlideTemplateConfiguration>
</file>

<file path=customXml/item9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E0B99F4-2848-4E16-8EA8-D7482A490F89}">
  <ds:schemaRefs/>
</ds:datastoreItem>
</file>

<file path=customXml/itemProps10.xml><?xml version="1.0" encoding="utf-8"?>
<ds:datastoreItem xmlns:ds="http://schemas.openxmlformats.org/officeDocument/2006/customXml" ds:itemID="{429DC478-6D86-44F1-8EB0-E6777E53F867}">
  <ds:schemaRefs/>
</ds:datastoreItem>
</file>

<file path=customXml/itemProps100.xml><?xml version="1.0" encoding="utf-8"?>
<ds:datastoreItem xmlns:ds="http://schemas.openxmlformats.org/officeDocument/2006/customXml" ds:itemID="{AB66428F-0AB7-4B21-B47E-BE5EDCFA4E83}">
  <ds:schemaRefs/>
</ds:datastoreItem>
</file>

<file path=customXml/itemProps101.xml><?xml version="1.0" encoding="utf-8"?>
<ds:datastoreItem xmlns:ds="http://schemas.openxmlformats.org/officeDocument/2006/customXml" ds:itemID="{30950F5E-1AC0-46BC-9443-0245F148C866}">
  <ds:schemaRefs/>
</ds:datastoreItem>
</file>

<file path=customXml/itemProps102.xml><?xml version="1.0" encoding="utf-8"?>
<ds:datastoreItem xmlns:ds="http://schemas.openxmlformats.org/officeDocument/2006/customXml" ds:itemID="{D37CEE8F-E36C-4DBE-AAC4-AF5541A90815}">
  <ds:schemaRefs/>
</ds:datastoreItem>
</file>

<file path=customXml/itemProps103.xml><?xml version="1.0" encoding="utf-8"?>
<ds:datastoreItem xmlns:ds="http://schemas.openxmlformats.org/officeDocument/2006/customXml" ds:itemID="{197EB6F9-98B9-4E48-95FE-55EBB03D75F4}">
  <ds:schemaRefs/>
</ds:datastoreItem>
</file>

<file path=customXml/itemProps104.xml><?xml version="1.0" encoding="utf-8"?>
<ds:datastoreItem xmlns:ds="http://schemas.openxmlformats.org/officeDocument/2006/customXml" ds:itemID="{3022410A-EF8E-4AFC-9EE9-52C66ECADBC7}">
  <ds:schemaRefs/>
</ds:datastoreItem>
</file>

<file path=customXml/itemProps105.xml><?xml version="1.0" encoding="utf-8"?>
<ds:datastoreItem xmlns:ds="http://schemas.openxmlformats.org/officeDocument/2006/customXml" ds:itemID="{7419F8EF-5F8B-42C6-856B-3901821EEAEA}">
  <ds:schemaRefs/>
</ds:datastoreItem>
</file>

<file path=customXml/itemProps106.xml><?xml version="1.0" encoding="utf-8"?>
<ds:datastoreItem xmlns:ds="http://schemas.openxmlformats.org/officeDocument/2006/customXml" ds:itemID="{E9A8787A-EF69-462C-8423-CD16DC194045}">
  <ds:schemaRefs/>
</ds:datastoreItem>
</file>

<file path=customXml/itemProps107.xml><?xml version="1.0" encoding="utf-8"?>
<ds:datastoreItem xmlns:ds="http://schemas.openxmlformats.org/officeDocument/2006/customXml" ds:itemID="{6F13B425-869B-446D-A718-83C11B3BF493}">
  <ds:schemaRefs/>
</ds:datastoreItem>
</file>

<file path=customXml/itemProps108.xml><?xml version="1.0" encoding="utf-8"?>
<ds:datastoreItem xmlns:ds="http://schemas.openxmlformats.org/officeDocument/2006/customXml" ds:itemID="{CC07FDDE-0DC0-46EB-B884-973217D08633}">
  <ds:schemaRefs/>
</ds:datastoreItem>
</file>

<file path=customXml/itemProps109.xml><?xml version="1.0" encoding="utf-8"?>
<ds:datastoreItem xmlns:ds="http://schemas.openxmlformats.org/officeDocument/2006/customXml" ds:itemID="{617C0CAA-2AD2-4655-BBEF-7F613BCB683D}">
  <ds:schemaRefs/>
</ds:datastoreItem>
</file>

<file path=customXml/itemProps11.xml><?xml version="1.0" encoding="utf-8"?>
<ds:datastoreItem xmlns:ds="http://schemas.openxmlformats.org/officeDocument/2006/customXml" ds:itemID="{402BD96E-B2A9-4578-A1EC-1B386591F482}">
  <ds:schemaRefs/>
</ds:datastoreItem>
</file>

<file path=customXml/itemProps110.xml><?xml version="1.0" encoding="utf-8"?>
<ds:datastoreItem xmlns:ds="http://schemas.openxmlformats.org/officeDocument/2006/customXml" ds:itemID="{114EB5C1-0700-4811-B62B-39330B47AEA2}">
  <ds:schemaRefs/>
</ds:datastoreItem>
</file>

<file path=customXml/itemProps111.xml><?xml version="1.0" encoding="utf-8"?>
<ds:datastoreItem xmlns:ds="http://schemas.openxmlformats.org/officeDocument/2006/customXml" ds:itemID="{15FACD38-1A5A-4C6E-B023-E7308D74E91C}">
  <ds:schemaRefs/>
</ds:datastoreItem>
</file>

<file path=customXml/itemProps112.xml><?xml version="1.0" encoding="utf-8"?>
<ds:datastoreItem xmlns:ds="http://schemas.openxmlformats.org/officeDocument/2006/customXml" ds:itemID="{2E537F7E-D65A-4C6B-AFC9-5827E0DC5553}">
  <ds:schemaRefs/>
</ds:datastoreItem>
</file>

<file path=customXml/itemProps113.xml><?xml version="1.0" encoding="utf-8"?>
<ds:datastoreItem xmlns:ds="http://schemas.openxmlformats.org/officeDocument/2006/customXml" ds:itemID="{5A9A6EA1-9B1D-4067-B9D8-F053DA721301}">
  <ds:schemaRefs/>
</ds:datastoreItem>
</file>

<file path=customXml/itemProps114.xml><?xml version="1.0" encoding="utf-8"?>
<ds:datastoreItem xmlns:ds="http://schemas.openxmlformats.org/officeDocument/2006/customXml" ds:itemID="{589EDF00-B4CD-4906-B090-CE76C03D221E}">
  <ds:schemaRefs/>
</ds:datastoreItem>
</file>

<file path=customXml/itemProps115.xml><?xml version="1.0" encoding="utf-8"?>
<ds:datastoreItem xmlns:ds="http://schemas.openxmlformats.org/officeDocument/2006/customXml" ds:itemID="{36DBE776-F28E-42AE-8E13-9F14B6B32D03}">
  <ds:schemaRefs/>
</ds:datastoreItem>
</file>

<file path=customXml/itemProps116.xml><?xml version="1.0" encoding="utf-8"?>
<ds:datastoreItem xmlns:ds="http://schemas.openxmlformats.org/officeDocument/2006/customXml" ds:itemID="{8499EDEF-5BFA-4633-8622-8AC270B45C12}">
  <ds:schemaRefs/>
</ds:datastoreItem>
</file>

<file path=customXml/itemProps117.xml><?xml version="1.0" encoding="utf-8"?>
<ds:datastoreItem xmlns:ds="http://schemas.openxmlformats.org/officeDocument/2006/customXml" ds:itemID="{219E4FA1-02D8-4F7D-9896-C5F4E44E9332}">
  <ds:schemaRefs/>
</ds:datastoreItem>
</file>

<file path=customXml/itemProps118.xml><?xml version="1.0" encoding="utf-8"?>
<ds:datastoreItem xmlns:ds="http://schemas.openxmlformats.org/officeDocument/2006/customXml" ds:itemID="{FCF3EB82-49CA-4D58-B464-284F4275F1A8}">
  <ds:schemaRefs/>
</ds:datastoreItem>
</file>

<file path=customXml/itemProps119.xml><?xml version="1.0" encoding="utf-8"?>
<ds:datastoreItem xmlns:ds="http://schemas.openxmlformats.org/officeDocument/2006/customXml" ds:itemID="{E5B00364-45E7-4A0F-852A-9AFE145CFCBA}">
  <ds:schemaRefs/>
</ds:datastoreItem>
</file>

<file path=customXml/itemProps12.xml><?xml version="1.0" encoding="utf-8"?>
<ds:datastoreItem xmlns:ds="http://schemas.openxmlformats.org/officeDocument/2006/customXml" ds:itemID="{47CB8156-3FD2-4A2D-8B7C-B23B16C136DD}">
  <ds:schemaRefs/>
</ds:datastoreItem>
</file>

<file path=customXml/itemProps120.xml><?xml version="1.0" encoding="utf-8"?>
<ds:datastoreItem xmlns:ds="http://schemas.openxmlformats.org/officeDocument/2006/customXml" ds:itemID="{82C96CBC-C369-4652-B57F-F13A84423818}">
  <ds:schemaRefs/>
</ds:datastoreItem>
</file>

<file path=customXml/itemProps121.xml><?xml version="1.0" encoding="utf-8"?>
<ds:datastoreItem xmlns:ds="http://schemas.openxmlformats.org/officeDocument/2006/customXml" ds:itemID="{AE8115AD-1D67-49B4-BEC0-8DB5087457A7}">
  <ds:schemaRefs/>
</ds:datastoreItem>
</file>

<file path=customXml/itemProps13.xml><?xml version="1.0" encoding="utf-8"?>
<ds:datastoreItem xmlns:ds="http://schemas.openxmlformats.org/officeDocument/2006/customXml" ds:itemID="{1060AFAF-42F1-4E42-A9A7-DAF43D146CCA}">
  <ds:schemaRefs/>
</ds:datastoreItem>
</file>

<file path=customXml/itemProps14.xml><?xml version="1.0" encoding="utf-8"?>
<ds:datastoreItem xmlns:ds="http://schemas.openxmlformats.org/officeDocument/2006/customXml" ds:itemID="{AA214B0F-8A87-431F-A818-D3A40390B238}">
  <ds:schemaRefs/>
</ds:datastoreItem>
</file>

<file path=customXml/itemProps15.xml><?xml version="1.0" encoding="utf-8"?>
<ds:datastoreItem xmlns:ds="http://schemas.openxmlformats.org/officeDocument/2006/customXml" ds:itemID="{76365A5B-B375-4D47-B7FC-D2992F77C3A2}">
  <ds:schemaRefs/>
</ds:datastoreItem>
</file>

<file path=customXml/itemProps16.xml><?xml version="1.0" encoding="utf-8"?>
<ds:datastoreItem xmlns:ds="http://schemas.openxmlformats.org/officeDocument/2006/customXml" ds:itemID="{52739AE6-87EE-449B-B103-8F16847BA99D}">
  <ds:schemaRefs/>
</ds:datastoreItem>
</file>

<file path=customXml/itemProps17.xml><?xml version="1.0" encoding="utf-8"?>
<ds:datastoreItem xmlns:ds="http://schemas.openxmlformats.org/officeDocument/2006/customXml" ds:itemID="{B2F74757-5BE4-486F-A049-1B346F5ED639}">
  <ds:schemaRefs/>
</ds:datastoreItem>
</file>

<file path=customXml/itemProps18.xml><?xml version="1.0" encoding="utf-8"?>
<ds:datastoreItem xmlns:ds="http://schemas.openxmlformats.org/officeDocument/2006/customXml" ds:itemID="{1C0FCF6F-BAE7-4C5B-AFE9-42E9A7C6B8B6}">
  <ds:schemaRefs/>
</ds:datastoreItem>
</file>

<file path=customXml/itemProps19.xml><?xml version="1.0" encoding="utf-8"?>
<ds:datastoreItem xmlns:ds="http://schemas.openxmlformats.org/officeDocument/2006/customXml" ds:itemID="{DA5575DB-B10D-4226-AAA2-370ECB6F32D2}">
  <ds:schemaRefs/>
</ds:datastoreItem>
</file>

<file path=customXml/itemProps2.xml><?xml version="1.0" encoding="utf-8"?>
<ds:datastoreItem xmlns:ds="http://schemas.openxmlformats.org/officeDocument/2006/customXml" ds:itemID="{297C71E9-656A-48DF-B488-47347472F215}">
  <ds:schemaRefs/>
</ds:datastoreItem>
</file>

<file path=customXml/itemProps20.xml><?xml version="1.0" encoding="utf-8"?>
<ds:datastoreItem xmlns:ds="http://schemas.openxmlformats.org/officeDocument/2006/customXml" ds:itemID="{C1A491DB-4F85-467C-B5CB-0B8DC18AA757}">
  <ds:schemaRefs/>
</ds:datastoreItem>
</file>

<file path=customXml/itemProps21.xml><?xml version="1.0" encoding="utf-8"?>
<ds:datastoreItem xmlns:ds="http://schemas.openxmlformats.org/officeDocument/2006/customXml" ds:itemID="{184B351E-88BC-44AC-86F3-31109F3B17CA}">
  <ds:schemaRefs/>
</ds:datastoreItem>
</file>

<file path=customXml/itemProps22.xml><?xml version="1.0" encoding="utf-8"?>
<ds:datastoreItem xmlns:ds="http://schemas.openxmlformats.org/officeDocument/2006/customXml" ds:itemID="{37E6E4FF-8B03-45E0-B2A2-DEC518DCA50A}">
  <ds:schemaRefs/>
</ds:datastoreItem>
</file>

<file path=customXml/itemProps23.xml><?xml version="1.0" encoding="utf-8"?>
<ds:datastoreItem xmlns:ds="http://schemas.openxmlformats.org/officeDocument/2006/customXml" ds:itemID="{3A2C786D-DD64-4C55-973A-947BD722C74A}">
  <ds:schemaRefs/>
</ds:datastoreItem>
</file>

<file path=customXml/itemProps24.xml><?xml version="1.0" encoding="utf-8"?>
<ds:datastoreItem xmlns:ds="http://schemas.openxmlformats.org/officeDocument/2006/customXml" ds:itemID="{017F8935-8689-470A-8E03-DA08F7B14B59}">
  <ds:schemaRefs/>
</ds:datastoreItem>
</file>

<file path=customXml/itemProps25.xml><?xml version="1.0" encoding="utf-8"?>
<ds:datastoreItem xmlns:ds="http://schemas.openxmlformats.org/officeDocument/2006/customXml" ds:itemID="{2358A5F6-3628-4501-8C9F-5EB59BBF7F92}">
  <ds:schemaRefs/>
</ds:datastoreItem>
</file>

<file path=customXml/itemProps26.xml><?xml version="1.0" encoding="utf-8"?>
<ds:datastoreItem xmlns:ds="http://schemas.openxmlformats.org/officeDocument/2006/customXml" ds:itemID="{24CE14EC-1001-4184-9121-6883FDA87636}">
  <ds:schemaRefs/>
</ds:datastoreItem>
</file>

<file path=customXml/itemProps27.xml><?xml version="1.0" encoding="utf-8"?>
<ds:datastoreItem xmlns:ds="http://schemas.openxmlformats.org/officeDocument/2006/customXml" ds:itemID="{60E4AADF-1059-40CE-BFBF-2F9C67BBDB29}">
  <ds:schemaRefs/>
</ds:datastoreItem>
</file>

<file path=customXml/itemProps28.xml><?xml version="1.0" encoding="utf-8"?>
<ds:datastoreItem xmlns:ds="http://schemas.openxmlformats.org/officeDocument/2006/customXml" ds:itemID="{3F6245F4-FD07-4AE7-B41F-1B20D885E75D}">
  <ds:schemaRefs/>
</ds:datastoreItem>
</file>

<file path=customXml/itemProps29.xml><?xml version="1.0" encoding="utf-8"?>
<ds:datastoreItem xmlns:ds="http://schemas.openxmlformats.org/officeDocument/2006/customXml" ds:itemID="{E5D7E000-B659-40C8-BE1F-364AAFD03574}">
  <ds:schemaRefs/>
</ds:datastoreItem>
</file>

<file path=customXml/itemProps3.xml><?xml version="1.0" encoding="utf-8"?>
<ds:datastoreItem xmlns:ds="http://schemas.openxmlformats.org/officeDocument/2006/customXml" ds:itemID="{E8E397CF-9AB3-4857-8896-D134096AB14A}">
  <ds:schemaRefs/>
</ds:datastoreItem>
</file>

<file path=customXml/itemProps30.xml><?xml version="1.0" encoding="utf-8"?>
<ds:datastoreItem xmlns:ds="http://schemas.openxmlformats.org/officeDocument/2006/customXml" ds:itemID="{A8B427DF-3529-403C-BFA0-5AB777752255}">
  <ds:schemaRefs/>
</ds:datastoreItem>
</file>

<file path=customXml/itemProps31.xml><?xml version="1.0" encoding="utf-8"?>
<ds:datastoreItem xmlns:ds="http://schemas.openxmlformats.org/officeDocument/2006/customXml" ds:itemID="{FCFF9F01-0434-4573-8E2B-1231A59DE2A0}">
  <ds:schemaRefs/>
</ds:datastoreItem>
</file>

<file path=customXml/itemProps32.xml><?xml version="1.0" encoding="utf-8"?>
<ds:datastoreItem xmlns:ds="http://schemas.openxmlformats.org/officeDocument/2006/customXml" ds:itemID="{899010AD-BC6D-455F-8AA2-45B57BDEC846}">
  <ds:schemaRefs/>
</ds:datastoreItem>
</file>

<file path=customXml/itemProps33.xml><?xml version="1.0" encoding="utf-8"?>
<ds:datastoreItem xmlns:ds="http://schemas.openxmlformats.org/officeDocument/2006/customXml" ds:itemID="{F941C950-51DC-494B-AE9C-BF7E4CF6B6D4}">
  <ds:schemaRefs/>
</ds:datastoreItem>
</file>

<file path=customXml/itemProps34.xml><?xml version="1.0" encoding="utf-8"?>
<ds:datastoreItem xmlns:ds="http://schemas.openxmlformats.org/officeDocument/2006/customXml" ds:itemID="{3C1CA5B3-2692-44A7-9ABC-DF189FE1C077}">
  <ds:schemaRefs/>
</ds:datastoreItem>
</file>

<file path=customXml/itemProps35.xml><?xml version="1.0" encoding="utf-8"?>
<ds:datastoreItem xmlns:ds="http://schemas.openxmlformats.org/officeDocument/2006/customXml" ds:itemID="{9907B556-D46C-4AAB-B9D3-8D215EF3DEE3}">
  <ds:schemaRefs/>
</ds:datastoreItem>
</file>

<file path=customXml/itemProps36.xml><?xml version="1.0" encoding="utf-8"?>
<ds:datastoreItem xmlns:ds="http://schemas.openxmlformats.org/officeDocument/2006/customXml" ds:itemID="{177D3DAE-021E-4346-B821-7BA69344401B}">
  <ds:schemaRefs/>
</ds:datastoreItem>
</file>

<file path=customXml/itemProps37.xml><?xml version="1.0" encoding="utf-8"?>
<ds:datastoreItem xmlns:ds="http://schemas.openxmlformats.org/officeDocument/2006/customXml" ds:itemID="{8B9E6246-49AF-4B0E-A662-0FBE7FFDAEAF}">
  <ds:schemaRefs/>
</ds:datastoreItem>
</file>

<file path=customXml/itemProps38.xml><?xml version="1.0" encoding="utf-8"?>
<ds:datastoreItem xmlns:ds="http://schemas.openxmlformats.org/officeDocument/2006/customXml" ds:itemID="{34FE871E-8162-4FE6-98EA-B380F08F1A1B}">
  <ds:schemaRefs/>
</ds:datastoreItem>
</file>

<file path=customXml/itemProps39.xml><?xml version="1.0" encoding="utf-8"?>
<ds:datastoreItem xmlns:ds="http://schemas.openxmlformats.org/officeDocument/2006/customXml" ds:itemID="{67A02682-49F6-4C31-AB82-A16BE2980D17}">
  <ds:schemaRefs/>
</ds:datastoreItem>
</file>

<file path=customXml/itemProps4.xml><?xml version="1.0" encoding="utf-8"?>
<ds:datastoreItem xmlns:ds="http://schemas.openxmlformats.org/officeDocument/2006/customXml" ds:itemID="{C73B6402-6E4F-4F7D-947A-80AAD00800FF}">
  <ds:schemaRefs/>
</ds:datastoreItem>
</file>

<file path=customXml/itemProps40.xml><?xml version="1.0" encoding="utf-8"?>
<ds:datastoreItem xmlns:ds="http://schemas.openxmlformats.org/officeDocument/2006/customXml" ds:itemID="{2C3A035B-D12C-4E77-9CAA-A52D44B58015}">
  <ds:schemaRefs/>
</ds:datastoreItem>
</file>

<file path=customXml/itemProps41.xml><?xml version="1.0" encoding="utf-8"?>
<ds:datastoreItem xmlns:ds="http://schemas.openxmlformats.org/officeDocument/2006/customXml" ds:itemID="{9CDA2570-9CC8-47CA-A83E-F385FE634041}">
  <ds:schemaRefs/>
</ds:datastoreItem>
</file>

<file path=customXml/itemProps42.xml><?xml version="1.0" encoding="utf-8"?>
<ds:datastoreItem xmlns:ds="http://schemas.openxmlformats.org/officeDocument/2006/customXml" ds:itemID="{F43497A6-F074-4549-BEB5-CDC2A98C7D33}">
  <ds:schemaRefs/>
</ds:datastoreItem>
</file>

<file path=customXml/itemProps43.xml><?xml version="1.0" encoding="utf-8"?>
<ds:datastoreItem xmlns:ds="http://schemas.openxmlformats.org/officeDocument/2006/customXml" ds:itemID="{77DCCD8A-E1A9-47F0-A67D-DB22618160B1}">
  <ds:schemaRefs/>
</ds:datastoreItem>
</file>

<file path=customXml/itemProps44.xml><?xml version="1.0" encoding="utf-8"?>
<ds:datastoreItem xmlns:ds="http://schemas.openxmlformats.org/officeDocument/2006/customXml" ds:itemID="{71D090D3-2EBE-AB48-B08E-7191EA73A778}">
  <ds:schemaRefs/>
</ds:datastoreItem>
</file>

<file path=customXml/itemProps45.xml><?xml version="1.0" encoding="utf-8"?>
<ds:datastoreItem xmlns:ds="http://schemas.openxmlformats.org/officeDocument/2006/customXml" ds:itemID="{73625C7F-8866-40AE-8EC0-36AA8ECB31BE}">
  <ds:schemaRefs/>
</ds:datastoreItem>
</file>

<file path=customXml/itemProps46.xml><?xml version="1.0" encoding="utf-8"?>
<ds:datastoreItem xmlns:ds="http://schemas.openxmlformats.org/officeDocument/2006/customXml" ds:itemID="{B1D5A87F-A812-4CCE-9FCE-F1044E629F02}">
  <ds:schemaRefs/>
</ds:datastoreItem>
</file>

<file path=customXml/itemProps47.xml><?xml version="1.0" encoding="utf-8"?>
<ds:datastoreItem xmlns:ds="http://schemas.openxmlformats.org/officeDocument/2006/customXml" ds:itemID="{CFD3C544-3756-4F3F-B7C1-320F46D66224}">
  <ds:schemaRefs/>
</ds:datastoreItem>
</file>

<file path=customXml/itemProps48.xml><?xml version="1.0" encoding="utf-8"?>
<ds:datastoreItem xmlns:ds="http://schemas.openxmlformats.org/officeDocument/2006/customXml" ds:itemID="{3B3D6280-D615-4710-AF38-A390662635FD}">
  <ds:schemaRefs/>
</ds:datastoreItem>
</file>

<file path=customXml/itemProps49.xml><?xml version="1.0" encoding="utf-8"?>
<ds:datastoreItem xmlns:ds="http://schemas.openxmlformats.org/officeDocument/2006/customXml" ds:itemID="{998590BB-4AFD-4C86-83E2-F080C271BADC}">
  <ds:schemaRefs/>
</ds:datastoreItem>
</file>

<file path=customXml/itemProps5.xml><?xml version="1.0" encoding="utf-8"?>
<ds:datastoreItem xmlns:ds="http://schemas.openxmlformats.org/officeDocument/2006/customXml" ds:itemID="{BB6C1E11-C815-4729-A34F-734949B29A61}">
  <ds:schemaRefs/>
</ds:datastoreItem>
</file>

<file path=customXml/itemProps50.xml><?xml version="1.0" encoding="utf-8"?>
<ds:datastoreItem xmlns:ds="http://schemas.openxmlformats.org/officeDocument/2006/customXml" ds:itemID="{29E05823-7258-458E-85C2-E52DB1B492E8}">
  <ds:schemaRefs/>
</ds:datastoreItem>
</file>

<file path=customXml/itemProps51.xml><?xml version="1.0" encoding="utf-8"?>
<ds:datastoreItem xmlns:ds="http://schemas.openxmlformats.org/officeDocument/2006/customXml" ds:itemID="{01F4A125-90AC-504B-B9AD-D5998130B038}">
  <ds:schemaRefs/>
</ds:datastoreItem>
</file>

<file path=customXml/itemProps52.xml><?xml version="1.0" encoding="utf-8"?>
<ds:datastoreItem xmlns:ds="http://schemas.openxmlformats.org/officeDocument/2006/customXml" ds:itemID="{DFE4BF80-C474-4C9B-BE0B-8ABB6596E5EE}">
  <ds:schemaRefs/>
</ds:datastoreItem>
</file>

<file path=customXml/itemProps53.xml><?xml version="1.0" encoding="utf-8"?>
<ds:datastoreItem xmlns:ds="http://schemas.openxmlformats.org/officeDocument/2006/customXml" ds:itemID="{A095AAB1-6AFC-485E-BA45-B638ED23E2EB}">
  <ds:schemaRefs/>
</ds:datastoreItem>
</file>

<file path=customXml/itemProps54.xml><?xml version="1.0" encoding="utf-8"?>
<ds:datastoreItem xmlns:ds="http://schemas.openxmlformats.org/officeDocument/2006/customXml" ds:itemID="{F2E5839A-4F1D-45E4-A3EA-3ED13A99C290}">
  <ds:schemaRefs/>
</ds:datastoreItem>
</file>

<file path=customXml/itemProps55.xml><?xml version="1.0" encoding="utf-8"?>
<ds:datastoreItem xmlns:ds="http://schemas.openxmlformats.org/officeDocument/2006/customXml" ds:itemID="{798928D1-B12D-402A-A876-9C7BF8CD7A1F}">
  <ds:schemaRefs/>
</ds:datastoreItem>
</file>

<file path=customXml/itemProps56.xml><?xml version="1.0" encoding="utf-8"?>
<ds:datastoreItem xmlns:ds="http://schemas.openxmlformats.org/officeDocument/2006/customXml" ds:itemID="{56DB0486-8EBD-4673-BD9F-374D83C8EE52}">
  <ds:schemaRefs/>
</ds:datastoreItem>
</file>

<file path=customXml/itemProps57.xml><?xml version="1.0" encoding="utf-8"?>
<ds:datastoreItem xmlns:ds="http://schemas.openxmlformats.org/officeDocument/2006/customXml" ds:itemID="{43CB3BA4-FFFF-4648-A1F7-3FAC4FF3E1B1}">
  <ds:schemaRefs/>
</ds:datastoreItem>
</file>

<file path=customXml/itemProps58.xml><?xml version="1.0" encoding="utf-8"?>
<ds:datastoreItem xmlns:ds="http://schemas.openxmlformats.org/officeDocument/2006/customXml" ds:itemID="{BF865410-913D-43C5-BDC5-25CE5BC8E577}">
  <ds:schemaRefs/>
</ds:datastoreItem>
</file>

<file path=customXml/itemProps59.xml><?xml version="1.0" encoding="utf-8"?>
<ds:datastoreItem xmlns:ds="http://schemas.openxmlformats.org/officeDocument/2006/customXml" ds:itemID="{3002D7CA-9A2A-4829-B6ED-F9226B390EDD}">
  <ds:schemaRefs/>
</ds:datastoreItem>
</file>

<file path=customXml/itemProps6.xml><?xml version="1.0" encoding="utf-8"?>
<ds:datastoreItem xmlns:ds="http://schemas.openxmlformats.org/officeDocument/2006/customXml" ds:itemID="{08483A7E-ED38-4ECF-BBB8-27C7E2F43D05}">
  <ds:schemaRefs/>
</ds:datastoreItem>
</file>

<file path=customXml/itemProps60.xml><?xml version="1.0" encoding="utf-8"?>
<ds:datastoreItem xmlns:ds="http://schemas.openxmlformats.org/officeDocument/2006/customXml" ds:itemID="{CADA2472-C614-4A91-B59A-9CEE7C4FC5B9}">
  <ds:schemaRefs/>
</ds:datastoreItem>
</file>

<file path=customXml/itemProps61.xml><?xml version="1.0" encoding="utf-8"?>
<ds:datastoreItem xmlns:ds="http://schemas.openxmlformats.org/officeDocument/2006/customXml" ds:itemID="{8A27F87A-B7C8-43F3-8777-D3629D2365CB}">
  <ds:schemaRefs/>
</ds:datastoreItem>
</file>

<file path=customXml/itemProps62.xml><?xml version="1.0" encoding="utf-8"?>
<ds:datastoreItem xmlns:ds="http://schemas.openxmlformats.org/officeDocument/2006/customXml" ds:itemID="{E35B7151-D310-4F11-B600-246DF4D3D6E9}">
  <ds:schemaRefs/>
</ds:datastoreItem>
</file>

<file path=customXml/itemProps63.xml><?xml version="1.0" encoding="utf-8"?>
<ds:datastoreItem xmlns:ds="http://schemas.openxmlformats.org/officeDocument/2006/customXml" ds:itemID="{BED531F3-88AC-4D08-B4DC-A4B0D5E3C6FC}">
  <ds:schemaRefs/>
</ds:datastoreItem>
</file>

<file path=customXml/itemProps64.xml><?xml version="1.0" encoding="utf-8"?>
<ds:datastoreItem xmlns:ds="http://schemas.openxmlformats.org/officeDocument/2006/customXml" ds:itemID="{BE48722B-4923-4BF4-BF3F-7FC20FFC49AF}">
  <ds:schemaRefs/>
</ds:datastoreItem>
</file>

<file path=customXml/itemProps65.xml><?xml version="1.0" encoding="utf-8"?>
<ds:datastoreItem xmlns:ds="http://schemas.openxmlformats.org/officeDocument/2006/customXml" ds:itemID="{0B91086D-503B-4A08-ADEE-622624DDDC8F}">
  <ds:schemaRefs/>
</ds:datastoreItem>
</file>

<file path=customXml/itemProps66.xml><?xml version="1.0" encoding="utf-8"?>
<ds:datastoreItem xmlns:ds="http://schemas.openxmlformats.org/officeDocument/2006/customXml" ds:itemID="{C9A8F5F9-DB52-458B-A753-42986A866C8B}">
  <ds:schemaRefs/>
</ds:datastoreItem>
</file>

<file path=customXml/itemProps67.xml><?xml version="1.0" encoding="utf-8"?>
<ds:datastoreItem xmlns:ds="http://schemas.openxmlformats.org/officeDocument/2006/customXml" ds:itemID="{91206A0A-D77E-41B6-AA18-58FA8E0E81C6}">
  <ds:schemaRefs/>
</ds:datastoreItem>
</file>

<file path=customXml/itemProps68.xml><?xml version="1.0" encoding="utf-8"?>
<ds:datastoreItem xmlns:ds="http://schemas.openxmlformats.org/officeDocument/2006/customXml" ds:itemID="{3F613A36-30F5-4555-96F7-14C109FA769E}">
  <ds:schemaRefs/>
</ds:datastoreItem>
</file>

<file path=customXml/itemProps69.xml><?xml version="1.0" encoding="utf-8"?>
<ds:datastoreItem xmlns:ds="http://schemas.openxmlformats.org/officeDocument/2006/customXml" ds:itemID="{3AE4EEB3-E93B-4E80-9748-194603B12778}">
  <ds:schemaRefs/>
</ds:datastoreItem>
</file>

<file path=customXml/itemProps7.xml><?xml version="1.0" encoding="utf-8"?>
<ds:datastoreItem xmlns:ds="http://schemas.openxmlformats.org/officeDocument/2006/customXml" ds:itemID="{6D547328-766B-4D6B-BE3B-7C85648ED529}">
  <ds:schemaRefs/>
</ds:datastoreItem>
</file>

<file path=customXml/itemProps70.xml><?xml version="1.0" encoding="utf-8"?>
<ds:datastoreItem xmlns:ds="http://schemas.openxmlformats.org/officeDocument/2006/customXml" ds:itemID="{776E951B-7669-4EB2-A667-CC7BEB174ADB}">
  <ds:schemaRefs/>
</ds:datastoreItem>
</file>

<file path=customXml/itemProps71.xml><?xml version="1.0" encoding="utf-8"?>
<ds:datastoreItem xmlns:ds="http://schemas.openxmlformats.org/officeDocument/2006/customXml" ds:itemID="{C68B0B72-5FDE-4227-98B9-A19D1ED91EDD}">
  <ds:schemaRefs/>
</ds:datastoreItem>
</file>

<file path=customXml/itemProps72.xml><?xml version="1.0" encoding="utf-8"?>
<ds:datastoreItem xmlns:ds="http://schemas.openxmlformats.org/officeDocument/2006/customXml" ds:itemID="{CBB82044-267F-4F5F-85DD-626CE3773D2F}">
  <ds:schemaRefs/>
</ds:datastoreItem>
</file>

<file path=customXml/itemProps73.xml><?xml version="1.0" encoding="utf-8"?>
<ds:datastoreItem xmlns:ds="http://schemas.openxmlformats.org/officeDocument/2006/customXml" ds:itemID="{5875F08E-F6A7-4119-8C5A-4DE6BD64B54D}">
  <ds:schemaRefs/>
</ds:datastoreItem>
</file>

<file path=customXml/itemProps74.xml><?xml version="1.0" encoding="utf-8"?>
<ds:datastoreItem xmlns:ds="http://schemas.openxmlformats.org/officeDocument/2006/customXml" ds:itemID="{921E1D99-A402-4A6B-B765-6FA2DBD96EE4}">
  <ds:schemaRefs/>
</ds:datastoreItem>
</file>

<file path=customXml/itemProps75.xml><?xml version="1.0" encoding="utf-8"?>
<ds:datastoreItem xmlns:ds="http://schemas.openxmlformats.org/officeDocument/2006/customXml" ds:itemID="{F46C57CB-922D-4C9D-94E9-79299B07104E}">
  <ds:schemaRefs/>
</ds:datastoreItem>
</file>

<file path=customXml/itemProps76.xml><?xml version="1.0" encoding="utf-8"?>
<ds:datastoreItem xmlns:ds="http://schemas.openxmlformats.org/officeDocument/2006/customXml" ds:itemID="{3BC08E23-EE7B-4D81-A4FB-A9025FA1E61D}">
  <ds:schemaRefs/>
</ds:datastoreItem>
</file>

<file path=customXml/itemProps77.xml><?xml version="1.0" encoding="utf-8"?>
<ds:datastoreItem xmlns:ds="http://schemas.openxmlformats.org/officeDocument/2006/customXml" ds:itemID="{EC3614C3-10AD-4E74-A1B1-EF68431DC165}">
  <ds:schemaRefs/>
</ds:datastoreItem>
</file>

<file path=customXml/itemProps78.xml><?xml version="1.0" encoding="utf-8"?>
<ds:datastoreItem xmlns:ds="http://schemas.openxmlformats.org/officeDocument/2006/customXml" ds:itemID="{BF94CA2B-B584-4D5B-AB80-DA9E31C1C71C}">
  <ds:schemaRefs/>
</ds:datastoreItem>
</file>

<file path=customXml/itemProps79.xml><?xml version="1.0" encoding="utf-8"?>
<ds:datastoreItem xmlns:ds="http://schemas.openxmlformats.org/officeDocument/2006/customXml" ds:itemID="{73BBDC76-595D-42E6-BAB4-4B5ED100A3DA}">
  <ds:schemaRefs/>
</ds:datastoreItem>
</file>

<file path=customXml/itemProps8.xml><?xml version="1.0" encoding="utf-8"?>
<ds:datastoreItem xmlns:ds="http://schemas.openxmlformats.org/officeDocument/2006/customXml" ds:itemID="{7ACC95E1-92A8-4290-8E64-2E83579B0113}">
  <ds:schemaRefs/>
</ds:datastoreItem>
</file>

<file path=customXml/itemProps80.xml><?xml version="1.0" encoding="utf-8"?>
<ds:datastoreItem xmlns:ds="http://schemas.openxmlformats.org/officeDocument/2006/customXml" ds:itemID="{F1B54EAF-DB31-44F3-842A-9F56048C298F}">
  <ds:schemaRefs/>
</ds:datastoreItem>
</file>

<file path=customXml/itemProps81.xml><?xml version="1.0" encoding="utf-8"?>
<ds:datastoreItem xmlns:ds="http://schemas.openxmlformats.org/officeDocument/2006/customXml" ds:itemID="{F214829C-AAE2-4DE6-8D70-424DB3CFEE50}">
  <ds:schemaRefs/>
</ds:datastoreItem>
</file>

<file path=customXml/itemProps82.xml><?xml version="1.0" encoding="utf-8"?>
<ds:datastoreItem xmlns:ds="http://schemas.openxmlformats.org/officeDocument/2006/customXml" ds:itemID="{0DE1A87F-A26B-41A6-BD9C-4D64409623F4}">
  <ds:schemaRefs/>
</ds:datastoreItem>
</file>

<file path=customXml/itemProps83.xml><?xml version="1.0" encoding="utf-8"?>
<ds:datastoreItem xmlns:ds="http://schemas.openxmlformats.org/officeDocument/2006/customXml" ds:itemID="{CB225E3D-DB68-4BF6-9A11-AD49EE8F2FA2}">
  <ds:schemaRefs/>
</ds:datastoreItem>
</file>

<file path=customXml/itemProps84.xml><?xml version="1.0" encoding="utf-8"?>
<ds:datastoreItem xmlns:ds="http://schemas.openxmlformats.org/officeDocument/2006/customXml" ds:itemID="{FEE3BD9D-C46B-4E69-8F51-93D5CB66A94A}">
  <ds:schemaRefs/>
</ds:datastoreItem>
</file>

<file path=customXml/itemProps85.xml><?xml version="1.0" encoding="utf-8"?>
<ds:datastoreItem xmlns:ds="http://schemas.openxmlformats.org/officeDocument/2006/customXml" ds:itemID="{D309695F-2F59-429C-B256-AE0FC3B89CCA}">
  <ds:schemaRefs/>
</ds:datastoreItem>
</file>

<file path=customXml/itemProps86.xml><?xml version="1.0" encoding="utf-8"?>
<ds:datastoreItem xmlns:ds="http://schemas.openxmlformats.org/officeDocument/2006/customXml" ds:itemID="{A436B40E-BE27-4908-9091-62F10DFBDE99}">
  <ds:schemaRefs/>
</ds:datastoreItem>
</file>

<file path=customXml/itemProps87.xml><?xml version="1.0" encoding="utf-8"?>
<ds:datastoreItem xmlns:ds="http://schemas.openxmlformats.org/officeDocument/2006/customXml" ds:itemID="{939EE3A8-B08A-41E6-B9FC-CED3BCF16865}">
  <ds:schemaRefs/>
</ds:datastoreItem>
</file>

<file path=customXml/itemProps88.xml><?xml version="1.0" encoding="utf-8"?>
<ds:datastoreItem xmlns:ds="http://schemas.openxmlformats.org/officeDocument/2006/customXml" ds:itemID="{39A4FA4E-69D1-4CAE-995D-085FA8552049}">
  <ds:schemaRefs/>
</ds:datastoreItem>
</file>

<file path=customXml/itemProps89.xml><?xml version="1.0" encoding="utf-8"?>
<ds:datastoreItem xmlns:ds="http://schemas.openxmlformats.org/officeDocument/2006/customXml" ds:itemID="{2C0253C9-29B3-46F3-B9B9-370C1483837B}">
  <ds:schemaRefs/>
</ds:datastoreItem>
</file>

<file path=customXml/itemProps9.xml><?xml version="1.0" encoding="utf-8"?>
<ds:datastoreItem xmlns:ds="http://schemas.openxmlformats.org/officeDocument/2006/customXml" ds:itemID="{0D89F682-878A-4EB9-B541-415F808FE23C}">
  <ds:schemaRefs/>
</ds:datastoreItem>
</file>

<file path=customXml/itemProps90.xml><?xml version="1.0" encoding="utf-8"?>
<ds:datastoreItem xmlns:ds="http://schemas.openxmlformats.org/officeDocument/2006/customXml" ds:itemID="{D6BDF1FC-867C-4F1C-B5D7-245170C9950F}">
  <ds:schemaRefs/>
</ds:datastoreItem>
</file>

<file path=customXml/itemProps91.xml><?xml version="1.0" encoding="utf-8"?>
<ds:datastoreItem xmlns:ds="http://schemas.openxmlformats.org/officeDocument/2006/customXml" ds:itemID="{BFD51CB4-3099-43C6-AB1C-A93A2E5D99F9}">
  <ds:schemaRefs/>
</ds:datastoreItem>
</file>

<file path=customXml/itemProps92.xml><?xml version="1.0" encoding="utf-8"?>
<ds:datastoreItem xmlns:ds="http://schemas.openxmlformats.org/officeDocument/2006/customXml" ds:itemID="{BE5702A6-9974-4584-AFC2-98F475B4ADBB}">
  <ds:schemaRefs/>
</ds:datastoreItem>
</file>

<file path=customXml/itemProps93.xml><?xml version="1.0" encoding="utf-8"?>
<ds:datastoreItem xmlns:ds="http://schemas.openxmlformats.org/officeDocument/2006/customXml" ds:itemID="{3B84B827-BABE-4CD4-8803-7599321D4996}">
  <ds:schemaRefs/>
</ds:datastoreItem>
</file>

<file path=customXml/itemProps94.xml><?xml version="1.0" encoding="utf-8"?>
<ds:datastoreItem xmlns:ds="http://schemas.openxmlformats.org/officeDocument/2006/customXml" ds:itemID="{0D7624E4-E9BE-43D9-8507-C85337904109}">
  <ds:schemaRefs/>
</ds:datastoreItem>
</file>

<file path=customXml/itemProps95.xml><?xml version="1.0" encoding="utf-8"?>
<ds:datastoreItem xmlns:ds="http://schemas.openxmlformats.org/officeDocument/2006/customXml" ds:itemID="{5AC2D1EC-7446-4BE8-8A0A-4C4E43D606C7}">
  <ds:schemaRefs/>
</ds:datastoreItem>
</file>

<file path=customXml/itemProps96.xml><?xml version="1.0" encoding="utf-8"?>
<ds:datastoreItem xmlns:ds="http://schemas.openxmlformats.org/officeDocument/2006/customXml" ds:itemID="{44B12029-3252-4024-944F-169B7EABF870}">
  <ds:schemaRefs/>
</ds:datastoreItem>
</file>

<file path=customXml/itemProps97.xml><?xml version="1.0" encoding="utf-8"?>
<ds:datastoreItem xmlns:ds="http://schemas.openxmlformats.org/officeDocument/2006/customXml" ds:itemID="{3A7C16E8-40EF-4A8B-B1C8-A032AABE205F}">
  <ds:schemaRefs/>
</ds:datastoreItem>
</file>

<file path=customXml/itemProps98.xml><?xml version="1.0" encoding="utf-8"?>
<ds:datastoreItem xmlns:ds="http://schemas.openxmlformats.org/officeDocument/2006/customXml" ds:itemID="{4C900D32-FEBB-4974-B30B-1018E0199AEC}">
  <ds:schemaRefs/>
</ds:datastoreItem>
</file>

<file path=customXml/itemProps99.xml><?xml version="1.0" encoding="utf-8"?>
<ds:datastoreItem xmlns:ds="http://schemas.openxmlformats.org/officeDocument/2006/customXml" ds:itemID="{C86E1811-6929-4DD5-B4CE-D5388B9F0DB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8</Words>
  <Application>Microsoft Macintosh PowerPoint</Application>
  <PresentationFormat>Widescreen</PresentationFormat>
  <Paragraphs>13</Paragraphs>
  <Slides>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6" baseType="lpstr">
      <vt:lpstr>Arial</vt:lpstr>
      <vt:lpstr>ATP PowerPoint Skabel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8-07-27T12:21:13Z</dcterms:created>
  <dcterms:modified xsi:type="dcterms:W3CDTF">2021-11-10T14:25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19-03-04T13:44:45.3118065Z</vt:lpwstr>
  </property>
  <property fmtid="{D5CDD505-2E9C-101B-9397-08002B2CF9AE}" pid="4" name="TemplafyTenantId">
    <vt:lpwstr>atp</vt:lpwstr>
  </property>
  <property fmtid="{D5CDD505-2E9C-101B-9397-08002B2CF9AE}" pid="5" name="TemplafyTemplateId">
    <vt:lpwstr>636934407686954964</vt:lpwstr>
  </property>
  <property fmtid="{D5CDD505-2E9C-101B-9397-08002B2CF9AE}" pid="6" name="TemplafyUserProfileId">
    <vt:lpwstr>637252085061318888</vt:lpwstr>
  </property>
  <property fmtid="{D5CDD505-2E9C-101B-9397-08002B2CF9AE}" pid="7" name="TemplafyLanguageCode">
    <vt:lpwstr>da-DK</vt:lpwstr>
  </property>
</Properties>
</file>